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0\LRF-2020\Arquivos para publicação-2020\RREO 6º Bim 2020 PUBLICAÇÃO\"/>
    </mc:Choice>
  </mc:AlternateContent>
  <bookViews>
    <workbookView xWindow="0" yWindow="0" windowWidth="20490" windowHeight="7650" firstSheet="10" activeTab="12"/>
  </bookViews>
  <sheets>
    <sheet name="Anexo - Anexo 1 - RREO" sheetId="1" r:id="rId1"/>
    <sheet name="Anexo - Anexo 2 - RREO" sheetId="7" r:id="rId2"/>
    <sheet name="Anexo - Anexo 3 - RREO" sheetId="8" r:id="rId3"/>
    <sheet name="Anexo - Anexo 4 - RREO" sheetId="9" r:id="rId4"/>
    <sheet name="Anexo - Anexo 6 - RREO" sheetId="10" r:id="rId5"/>
    <sheet name="Anexo - Anexo 7 - RREO" sheetId="11" r:id="rId6"/>
    <sheet name="Anexo - Anexo 8 - RREO" sheetId="12" r:id="rId7"/>
    <sheet name="Anexo - Anexo 9 - RREO" sheetId="13" r:id="rId8"/>
    <sheet name="Anexo - Anexo 10 - RREO" sheetId="2" r:id="rId9"/>
    <sheet name="Anexo - Anexo 11 - RREO" sheetId="3" r:id="rId10"/>
    <sheet name="Anexo - Anexo 12 - RREO" sheetId="4" r:id="rId11"/>
    <sheet name="Anexo - Anexo 13 - RREO" sheetId="5" r:id="rId12"/>
    <sheet name="Anexo - Anexo 14 - RREO" sheetId="6" r:id="rId13"/>
  </sheets>
  <calcPr calcId="0"/>
</workbook>
</file>

<file path=xl/sharedStrings.xml><?xml version="1.0" encoding="utf-8"?>
<sst xmlns="http://schemas.openxmlformats.org/spreadsheetml/2006/main" count="3172" uniqueCount="1305">
  <si>
    <t>ESTADO DE MATO GROSSO DO SUL</t>
  </si>
  <si>
    <t>Relatório Resumido de Execução Orçamentária</t>
  </si>
  <si>
    <t>BALANÇO ORÇAMENTÁRIO</t>
  </si>
  <si>
    <t>Orçamentos Fiscal e da Seguridade Social</t>
  </si>
  <si>
    <t>JANEIRO A DEZEMBRO DE 2020 / BIMESTRE NOVEMBRO - DEZEMBRO</t>
  </si>
  <si>
    <t/>
  </si>
  <si>
    <t>Nº</t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38</t>
  </si>
  <si>
    <t xml:space="preserve">               Multas Administrativas, Contratuais e Judiciais</t>
  </si>
  <si>
    <t>39</t>
  </si>
  <si>
    <t xml:space="preserve">               Indenizações, Restituições e Ressarcimentos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>59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TOTAL DAS RECEITAS (V) = (III + IV)</t>
  </si>
  <si>
    <t>75</t>
  </si>
  <si>
    <t>DÉFICIT (VI)1</t>
  </si>
  <si>
    <t>76</t>
  </si>
  <si>
    <t>TOTAL COM DÉFICIT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No Bimestre  </t>
  </si>
  <si>
    <t xml:space="preserve">Até o Bimestre (h) </t>
  </si>
  <si>
    <t>Saldo (i) = (e-h)</t>
  </si>
  <si>
    <t>Despesas Pagas Até o Bimestre (j)</t>
  </si>
  <si>
    <t>Inscritas em Restos a Pagar Não Processados (k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Dívida Contratual</t>
  </si>
  <si>
    <t>98</t>
  </si>
  <si>
    <t xml:space="preserve">      Amortização da Dívida Externa</t>
  </si>
  <si>
    <t>99</t>
  </si>
  <si>
    <t>100</t>
  </si>
  <si>
    <t>101</t>
  </si>
  <si>
    <t>TOTAL DAS DESPESAS (XII) = (X + XI)</t>
  </si>
  <si>
    <t>102</t>
  </si>
  <si>
    <t>SUPERÁVIT (XIII)</t>
  </si>
  <si>
    <t>103</t>
  </si>
  <si>
    <t>TOTAL COM SUPERÁVIT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Transferências de Pessoas Físicas</t>
  </si>
  <si>
    <t>140</t>
  </si>
  <si>
    <t xml:space="preserve">      Transferências Provenientes de Depósitos Não Identificados</t>
  </si>
  <si>
    <t>141</t>
  </si>
  <si>
    <t xml:space="preserve">   OUTRAS RECEITAS CORRENTES</t>
  </si>
  <si>
    <t>142</t>
  </si>
  <si>
    <t xml:space="preserve">      Multas Administrativas, Contratuais e Judiciais</t>
  </si>
  <si>
    <t>143</t>
  </si>
  <si>
    <t xml:space="preserve">      Indenizações, Restituições e Ressarcimentos</t>
  </si>
  <si>
    <t>144</t>
  </si>
  <si>
    <t xml:space="preserve">      Bens, Direitos e Valores Incorporados ao Patrimônio Público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>163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DEMONSTRATIVO DA PROJEÇÃO ATUARIAL DO REGIME PRÓPRIO DE PREVIDÊNCIA SOCIAL DOS SERVIDORES PÚBLICOS - PLANO PREVIDÊNCIÁRIO</t>
  </si>
  <si>
    <t>EXERCÍCIO</t>
  </si>
  <si>
    <t>Receitas Previdenciárias (a)</t>
  </si>
  <si>
    <t>Despesas Previdenciárias (b)</t>
  </si>
  <si>
    <t>Resultado Previdenciário (c)=(a-b)</t>
  </si>
  <si>
    <t>Saldo Financeiro do Exercício (d)=("d" exerc. anterior)+(c)</t>
  </si>
  <si>
    <t>2020</t>
  </si>
  <si>
    <t>2021</t>
  </si>
  <si>
    <t>2022</t>
  </si>
  <si>
    <t>2023</t>
  </si>
  <si>
    <t>2024</t>
  </si>
  <si>
    <t>2025</t>
  </si>
  <si>
    <t>2026</t>
  </si>
  <si>
    <t>2027</t>
  </si>
  <si>
    <t>2028</t>
  </si>
  <si>
    <t>2029</t>
  </si>
  <si>
    <t>2030</t>
  </si>
  <si>
    <t>2031</t>
  </si>
  <si>
    <t>2032</t>
  </si>
  <si>
    <t>2033</t>
  </si>
  <si>
    <t>2034</t>
  </si>
  <si>
    <t>2035</t>
  </si>
  <si>
    <t>2036</t>
  </si>
  <si>
    <t>2037</t>
  </si>
  <si>
    <t>2038</t>
  </si>
  <si>
    <t>2039</t>
  </si>
  <si>
    <t>2040</t>
  </si>
  <si>
    <t>2041</t>
  </si>
  <si>
    <t>2042</t>
  </si>
  <si>
    <t>2043</t>
  </si>
  <si>
    <t>2044</t>
  </si>
  <si>
    <t>2045</t>
  </si>
  <si>
    <t>2046</t>
  </si>
  <si>
    <t>2047</t>
  </si>
  <si>
    <t>2048</t>
  </si>
  <si>
    <t>2049</t>
  </si>
  <si>
    <t>2050</t>
  </si>
  <si>
    <t>2051</t>
  </si>
  <si>
    <t>2052</t>
  </si>
  <si>
    <t>2053</t>
  </si>
  <si>
    <t>2054</t>
  </si>
  <si>
    <t>2055</t>
  </si>
  <si>
    <t>2056</t>
  </si>
  <si>
    <t>2057</t>
  </si>
  <si>
    <t>2058</t>
  </si>
  <si>
    <t>2059</t>
  </si>
  <si>
    <t>2060</t>
  </si>
  <si>
    <t>2061</t>
  </si>
  <si>
    <t>2062</t>
  </si>
  <si>
    <t>2063</t>
  </si>
  <si>
    <t>2064</t>
  </si>
  <si>
    <t>2065</t>
  </si>
  <si>
    <t>2066</t>
  </si>
  <si>
    <t>2067</t>
  </si>
  <si>
    <t>2068</t>
  </si>
  <si>
    <t>2069</t>
  </si>
  <si>
    <t>2070</t>
  </si>
  <si>
    <t>2071</t>
  </si>
  <si>
    <t>2072</t>
  </si>
  <si>
    <t>2073</t>
  </si>
  <si>
    <t>2074</t>
  </si>
  <si>
    <t>2075</t>
  </si>
  <si>
    <t>2076</t>
  </si>
  <si>
    <t>2077</t>
  </si>
  <si>
    <t>2078</t>
  </si>
  <si>
    <t>2079</t>
  </si>
  <si>
    <t>2080</t>
  </si>
  <si>
    <t>2081</t>
  </si>
  <si>
    <t>2082</t>
  </si>
  <si>
    <t>2083</t>
  </si>
  <si>
    <t>2084</t>
  </si>
  <si>
    <t>2085</t>
  </si>
  <si>
    <t>2086</t>
  </si>
  <si>
    <t>2087</t>
  </si>
  <si>
    <t>2088</t>
  </si>
  <si>
    <t>2089</t>
  </si>
  <si>
    <t>2090</t>
  </si>
  <si>
    <t>2091</t>
  </si>
  <si>
    <t>2092</t>
  </si>
  <si>
    <t>2093</t>
  </si>
  <si>
    <t>2094</t>
  </si>
  <si>
    <t>2095</t>
  </si>
  <si>
    <t>DEMONSTRATIVO DAS RECEITAS DE ALIENAÇÃO DE ATIVOS E APLICACÃO DE RECURSOS</t>
  </si>
  <si>
    <t>Receitas Realizadas (b)</t>
  </si>
  <si>
    <t>Saldo a Realizar (c)=(a-b)</t>
  </si>
  <si>
    <t>RECEITAS DE ALIENAÇÃO DE ATIVOS (I)</t>
  </si>
  <si>
    <t>Receita de Alienação de Bens Móveis</t>
  </si>
  <si>
    <t>Receita de Alienação de Bens Imóveis</t>
  </si>
  <si>
    <t>Receita de Alienação de Bens Intangíveis</t>
  </si>
  <si>
    <t>Receita de Rendimentos de Aplicações Financeiras</t>
  </si>
  <si>
    <t>Dotação Atualizada (d)</t>
  </si>
  <si>
    <t>Despesas Empenhadas (e)</t>
  </si>
  <si>
    <t>Despesas Pagas (f)</t>
  </si>
  <si>
    <t>Despesas Inscritas Em Restos a Pagar Não Processados</t>
  </si>
  <si>
    <t>Pagamento de Restos a Pagar (g)</t>
  </si>
  <si>
    <t>Saldo a Pagar (h) = (d-e)</t>
  </si>
  <si>
    <t>APLICAÇÃO DOS RECURSOS DA ALIENAÇÃO DE ATIVOS (II)</t>
  </si>
  <si>
    <t>Despesas de Capital</t>
  </si>
  <si>
    <t xml:space="preserve">   Investimentos</t>
  </si>
  <si>
    <t xml:space="preserve">   Inversões Financeiras</t>
  </si>
  <si>
    <t xml:space="preserve">   Amortização da Dívida</t>
  </si>
  <si>
    <t>Despesas Correntes dos Regimes de Previdência</t>
  </si>
  <si>
    <t xml:space="preserve">   Regime Próprio de Previdência dos Servidores</t>
  </si>
  <si>
    <t>SALDO FINANCEIRO A APLICAR</t>
  </si>
  <si>
    <t>Exercício Anterior (i)</t>
  </si>
  <si>
    <t>Do Exercício (j) = (Ib) - (IIf+IIg)</t>
  </si>
  <si>
    <t>Saldo Atual (k) = (IIIi+IIIj)</t>
  </si>
  <si>
    <t>VALOR (III)</t>
  </si>
  <si>
    <t>DEMONSTRATIVO DAS RECEITAS E DESPESAS COM AÇÕES E SERVIÇOS PÚBLICOS DE SAÚDE</t>
  </si>
  <si>
    <t>RECEITAS RESULTANTES DE IMPOSTOS E TRANSFERÊNCIAS CONSTITUCIONAIS E LEGAIS</t>
  </si>
  <si>
    <t>Até o Bimestre (b)</t>
  </si>
  <si>
    <t>% (b/a) x 100</t>
  </si>
  <si>
    <t>RECEITA DE IMPOSTOS  (I)</t>
  </si>
  <si>
    <t xml:space="preserve">       Receita Resultante do Imposto sobre a Circulação de Mercadorias e Serviços de Transporte Interestadual e Intermunicipal e de Comunicação – ICMS</t>
  </si>
  <si>
    <t xml:space="preserve">              ICMS</t>
  </si>
  <si>
    <t xml:space="preserve">              Multas, Juros de Mora, Divida Ativa e Outros Encargos do ICMS</t>
  </si>
  <si>
    <t xml:space="preserve">              Adicional de até 2% do ICMS destinado ao Fundo de Combate à Pobreza (ADCT, art. 82, §1º)</t>
  </si>
  <si>
    <t xml:space="preserve">       Receita Resultante do Imposto de Transmissão Causa Mortis e Doação de Bens e Direitos – ITCD</t>
  </si>
  <si>
    <t xml:space="preserve">              ITCD</t>
  </si>
  <si>
    <t xml:space="preserve">              Multas, Juros de Mora, Dívida Ativa e Outros Encargos do ITCD</t>
  </si>
  <si>
    <t xml:space="preserve">       Receita Resultante do Imposto sobre a Propriedade de Veículos Automotores – IPVA</t>
  </si>
  <si>
    <t xml:space="preserve">              IPVA</t>
  </si>
  <si>
    <t xml:space="preserve">              Multas, Juros de Mora, Dívida Ativa e Outros Encargos do IPVA</t>
  </si>
  <si>
    <t xml:space="preserve">       Receita Resultante do Imposto sobre a Renda e Proventos de Qualquer Natureza Retido na Fonte – IRRF</t>
  </si>
  <si>
    <t>RECEITA DE TRANSFERÊNCIAS CONSTITUCIONAIS E LEGAIS (II)</t>
  </si>
  <si>
    <t xml:space="preserve">       Cota-Parte FPE </t>
  </si>
  <si>
    <t xml:space="preserve">       Cota-Parte IPI-Exportação </t>
  </si>
  <si>
    <t xml:space="preserve">       Compensações Financeiras Provenientes de Impostos e Transferências Constitucionais</t>
  </si>
  <si>
    <t xml:space="preserve">              ICMS-Desoneração - L.C. nº 87/1996 </t>
  </si>
  <si>
    <t xml:space="preserve">              Outras</t>
  </si>
  <si>
    <t>DEDUÇÕES DE TRANSFERÊNCIAS CONSTITUCIONAIS AOS MUNICÍPIOS (III)</t>
  </si>
  <si>
    <t xml:space="preserve">       PARCELA DO ICMS REPASSADA AOS MUNICÍPIOS (25%)</t>
  </si>
  <si>
    <t xml:space="preserve">       PARCELA DO IPVA REPASSADA AOS MUNICÍPIOS (50%)</t>
  </si>
  <si>
    <t xml:space="preserve">       PARCELA DA COTA-PARTE DO IPI-EXPORTAÇÃO REPASSADA AOS MUNICÍPIOS (25%)</t>
  </si>
  <si>
    <t>TOTAL DAS RECEITAS RESULTANTES DE IMPOSTOS E TRANFERÊNCIAS CONSTITUCIONAIS E LEGAIS - (IV) = (I) + (II) - (III)</t>
  </si>
  <si>
    <t xml:space="preserve">DESPESAS COM AÇÕES E SERVIÇOS PÚBLICOS DE SAÚDE (ASPS) –  POR SUBFUNÇÃO E CATEGORIA ECONÔMICA </t>
  </si>
  <si>
    <t>Dotação Inicial</t>
  </si>
  <si>
    <t>Dotação Atualizada (c)</t>
  </si>
  <si>
    <t xml:space="preserve">Até o Bimestre (d) </t>
  </si>
  <si>
    <t xml:space="preserve"> %  (d / c) x 100  </t>
  </si>
  <si>
    <t xml:space="preserve">Até o Bimestre (e) </t>
  </si>
  <si>
    <t xml:space="preserve"> %  (e / c) x 100  </t>
  </si>
  <si>
    <t>Despesas Pagas</t>
  </si>
  <si>
    <t xml:space="preserve"> %  (f / c) x 100  </t>
  </si>
  <si>
    <t>Inscritas em Restos a Pagar Não Processados (g)</t>
  </si>
  <si>
    <t>ATENÇÃO BÁSICA  (V)</t>
  </si>
  <si>
    <t xml:space="preserve">        Despesas Correntes </t>
  </si>
  <si>
    <t xml:space="preserve">        Despesas de Capital</t>
  </si>
  <si>
    <t>ASSISTÊNCIA HOSPITALAR E AMBULATORIAL  (VI)</t>
  </si>
  <si>
    <t xml:space="preserve">        Despesas de Capital </t>
  </si>
  <si>
    <t>SUPORTE PROFILÁTICO E TERAPÊUTICO  (VII)</t>
  </si>
  <si>
    <t>VIGILÂNCIA SANITÁRIA  (VIII)</t>
  </si>
  <si>
    <t>VIGILÂNCIA EPIDEMIOLÓGICA  (IX)</t>
  </si>
  <si>
    <t>ALIMENTAÇÃO E NUTRIÇÃO  (X)</t>
  </si>
  <si>
    <t>OUTRAS SUBFUNÇÕES (XI)</t>
  </si>
  <si>
    <t>TOTAL (XII) = (V + VI + VII + VIII + IX + X + XI)</t>
  </si>
  <si>
    <t>APURAÇÃO DO CUMPRIMENTO DO LIMITE MÍNIMO PARA APLICAÇÃO EM ASPS</t>
  </si>
  <si>
    <t>DESPESAS EMPENHADAS (d)</t>
  </si>
  <si>
    <t>DESPESAS LIQUIDADAS (e)</t>
  </si>
  <si>
    <t>DESPESAS PAGAS (f)</t>
  </si>
  <si>
    <t>Total das Despesas com ASPS (XIII) = (XII)</t>
  </si>
  <si>
    <t>(-) Restos a Pagar Não Processados Inscritos Indevidamente no Exercício sem Disponibilidade Financeira (XIV)</t>
  </si>
  <si>
    <t>(-) Despesas Custeadas com Recursos Vinculados à Parcela do Percentual Mínimo que não foi Aplicada em ASPS em Exercícios Anteriores (XV)</t>
  </si>
  <si>
    <t>(-) Despesas Custeadas com Disponibilidade de Caixa Vinculada aos Restos a Pagar Cancelados (XVI)</t>
  </si>
  <si>
    <t>(=) VALOR APLICADO EM ASPS (XVII) = (XIII - XIV - XV - XVI)</t>
  </si>
  <si>
    <t>DESPESAS MÍNIMAS ASPS</t>
  </si>
  <si>
    <t>DESPESA REALIZADA</t>
  </si>
  <si>
    <t>Despesa Mínima a ser Aplicada em ASPS (XVIII) = (IV) x 12% (LC 141/2012)</t>
  </si>
  <si>
    <t>Despesa Mínima a ser Aplicada em ASPS (XVIII) = (IV) x % (Constituição Estadual)</t>
  </si>
  <si>
    <t>DIFERENÇA ENTRE O VALOR APLICADO</t>
  </si>
  <si>
    <t>Diferença entre o Valor Aplicado e a Despesa Mínima a ser Aplicada (XIX) = (XVII (d ou e) - XVIII)¹</t>
  </si>
  <si>
    <t>LIMITE NÃO CUMPRIDO</t>
  </si>
  <si>
    <t>Limite não Cumprido (XX) = (XIX) (Quando valor for inferior a zero)</t>
  </si>
  <si>
    <t>PERCENTUAL</t>
  </si>
  <si>
    <t>PERCENTUAL DA RECEITA DE IMPOSTOS E TRANSFERÊNCIAS CONSTITUCIONAIS E LEGAIS APLICADO EM ASPS  (XVII / IV)*100 (mínimo de 12% conforme LC n° 141/2012 ou % da Constituição Estadual)</t>
  </si>
  <si>
    <t>CONTROLE DO VALOR REFERENTE AO PERCENTUAL MÍNIMO NÃO CUMPRIDO EM EXERCÍCIOS ANTERIORES - ARTIGOS 25 E 26 DA LC 141/2012</t>
  </si>
  <si>
    <t>Saldo Inicial (no exercício atual) (h)</t>
  </si>
  <si>
    <t>Despesas custeadas no exercício de referência</t>
  </si>
  <si>
    <t>Empenhadas (i)</t>
  </si>
  <si>
    <t>Liquidadas (j)</t>
  </si>
  <si>
    <t>Pagas (k)</t>
  </si>
  <si>
    <t>Saldo Final (não aplicado)¹ (l) = (h - (i ou j))</t>
  </si>
  <si>
    <t>Diferença de limite não cumprido em 2020 (saldo final = XXd)</t>
  </si>
  <si>
    <t>Diferença de limite não cumprido em 2019 (saldo inicial igual ao saldo final do demonstrativo do exercício anterior)</t>
  </si>
  <si>
    <t>Diferença de limite não cumprido em Exercícios Anteriores (saldo inicial igual ao saldo final do demonstrativo do exercício anterior)</t>
  </si>
  <si>
    <t>TOTAL DA DIFERENÇA DE LIMITE NÃO CUMPRIDO EM EXERCÍCIOS ANTERIORES (XXI)</t>
  </si>
  <si>
    <t>EXERCÍCIO DO EMPENHO²</t>
  </si>
  <si>
    <t>Valor Mínimo para aplicação em ASPS (m)</t>
  </si>
  <si>
    <t>Valor aplicado em ASPS no exercício (n)</t>
  </si>
  <si>
    <t>Valor aplicado além do limite mínimo (o) = (n - m), se &lt; 0, então (o) = 0</t>
  </si>
  <si>
    <t>Total inscrito em RP no exercício (p)</t>
  </si>
  <si>
    <t>RPNP Inscritos Indevidamente no Exercício sem Disponibilidade Financeira q = (XIVd)</t>
  </si>
  <si>
    <t>Valor inscrito em RP considerado no Limite (r) = (p - (o + q)) se &lt; 0, então (r) = (0)</t>
  </si>
  <si>
    <t>Total de RP pagos (s)</t>
  </si>
  <si>
    <t>Total de RP a pagar (t)</t>
  </si>
  <si>
    <t>Total de RP cancelados ou prescritos (u)</t>
  </si>
  <si>
    <t>Diferença entre o valor aplicado além do limite e o total de RP cancelados (v) = ((o + q) - u))</t>
  </si>
  <si>
    <t>Empenhos de 2020 (regra nova)</t>
  </si>
  <si>
    <t>Empenhos de 2019 (regra nova)</t>
  </si>
  <si>
    <t>Empenhos de 2018</t>
  </si>
  <si>
    <t>Empenhos de 2017</t>
  </si>
  <si>
    <t>Empenhos de 2016 e Anteriores</t>
  </si>
  <si>
    <t>UTILIZA DO ANTERIOR</t>
  </si>
  <si>
    <t>Valor</t>
  </si>
  <si>
    <t>TOTAL DOS RESTOS A PAGAR CANCELADOS OU PRESCRITOS ATÉ O FINAL DO EXERCÍCIO ATUAL QUE AFETARAM O CUMPRIMENTO DO LIMITE (XXII) (soma dos saldos negativos da coluna "v")</t>
  </si>
  <si>
    <t>TOTAL DOS RESTOS A PAGAR CANCELADOS OU PRESCRITOS ATÉ O FINAL DO EXERCÍCIO ANTERIOR QUE AFETARAM O CUMPRIMENTO DO LIMITE (XXIII) (valor informado no demonstrativo do exercício anterior)</t>
  </si>
  <si>
    <t>TOTAL DOS RESTOS A PAGAR CANCELADOS OU PRESCRITOS NO EXERCÍCIO ATUAL QUE AFETARAM O CUMPRIMENTO DO LIMITE (XXIV) = (XXII - XXIII) (Artigo 24 § 1º e 2º da LC 141/2012)</t>
  </si>
  <si>
    <t>CONTROLE DE RESTOS A PAGAR CANCELADOS OU PRESCRITOS CONSIDERADOS PARA FINS DE APLICAÇÃO DA DISPONIBILIDADE DE CAIXA CONFORME ARTIGO 24§ 1º E 2º DA LC 141/2012</t>
  </si>
  <si>
    <t>Saldo Inicial (w)</t>
  </si>
  <si>
    <t>Empenhadas (x)</t>
  </si>
  <si>
    <t>Liquidadas (y)</t>
  </si>
  <si>
    <t>Pagas (z)</t>
  </si>
  <si>
    <t>Saldo Final (não aplicado)¹ (aa) = (w - (x ou y))</t>
  </si>
  <si>
    <t xml:space="preserve"> Restos a pagar cancelados ou prescritos em 2020 a serem compensados (XXV) (saldo inicial = XXIV)</t>
  </si>
  <si>
    <t xml:space="preserve"> Restos a pagar cancelados ou prescritos em 2019 a serem compensados (XXVI) (saldo inicial igual ao saldo final do demonstrativo do exercício anterior)</t>
  </si>
  <si>
    <t xml:space="preserve"> Restos a pagar cancelados ou prescritos em exercícios anteriores a serem compensados (XXVII) (saldo inicial igual ao saldo final do demonstrativo do exercício anterior)</t>
  </si>
  <si>
    <t>TOTAL DE RESTOS A PAGAR CANCELADOS OU PRESCRITOS A COMPENSAR (XXVIII)</t>
  </si>
  <si>
    <t>RECEITAS ADICIONAIS PARA O FINANCIAMENTO DA SAÚDE NÃO COMPUTADAS NO CÁLCULO DO MÍNIMO</t>
  </si>
  <si>
    <t xml:space="preserve">Até o Bimestre (b) </t>
  </si>
  <si>
    <t>RECEITAS DE TRANSFERÊNCIAS PARA A SAÚDE  (XXIX)</t>
  </si>
  <si>
    <t xml:space="preserve">        Proveniente da União</t>
  </si>
  <si>
    <t xml:space="preserve">        Proveniente dos Estados </t>
  </si>
  <si>
    <t xml:space="preserve">        Proveniente dos Municípios </t>
  </si>
  <si>
    <t>RECEITA DE OPERAÇÕES DE CRÉDITO INTERNAS E EXTERNAS VINCULADAS A SAÚDE (XXX)</t>
  </si>
  <si>
    <t>OUTRAS RECEITAS (XXXI)</t>
  </si>
  <si>
    <t>TOTAL DE RECEITAS ADICIONAIS PARA FINANCIAMENTO DA SAÚDE (XXXII) = (XXIX + XXX + XXXI)</t>
  </si>
  <si>
    <t>DESPESAS COM SAÚDE POR SUBFUNÇÕES E CATEGORIA ECONÔMICA NÃO COMPUTADAS NO CÁLCULO DO MÍNIMO</t>
  </si>
  <si>
    <t>%  (e / c) x 100</t>
  </si>
  <si>
    <t>%  (f / c) x 100</t>
  </si>
  <si>
    <t>ATENÇÃO BÁSICA (XXXIII)</t>
  </si>
  <si>
    <t>ASSISTÊNCIA HOSPITALAR E AMBULATORIAL  (XXXIV)</t>
  </si>
  <si>
    <t>SUPORTE PROFILÁTICO E TERAPÊUTICO (XXXV)</t>
  </si>
  <si>
    <t>VIGILÂNCIA SANITÁRIA (XXXVI)</t>
  </si>
  <si>
    <t>VIGILÂNCIA EPIDEMIOLÓGICA (XXXVII)</t>
  </si>
  <si>
    <t>ALIMENTAÇÃO E NUTRIÇÃO (XXXVIII)</t>
  </si>
  <si>
    <t>OUTRAS SUBFUNÇÕES (XXXIX)</t>
  </si>
  <si>
    <t>TOTAL DAS DESPESAS NÃO COMPUTADAS NO CÁLCULO DO MÍNIMO  (XL) = ( XXXIII + XXXIV + XXXV + XXXVI + XXXVII + XXXVIII + XXXIX)</t>
  </si>
  <si>
    <t>DESPESAS TOTAIS COM SAÚDE EXECUTADAS COM RECURSOS PRÓPRIOS E COM RECURSOS TRANSFERIDOS DE OUTROS ENTES</t>
  </si>
  <si>
    <t>Até o Bimestre (e)</t>
  </si>
  <si>
    <t>ATENÇÃO BÁSICA (XLI) = (V + XXXIII)</t>
  </si>
  <si>
    <t>ASSISTÊNCIA HOSPITALAR E AMBULATORIAL (XLII) = (VI + XXXIV)</t>
  </si>
  <si>
    <t>SUPORTE PROFILÁTICO E TERAPÊUTICO (XLIII) = (VII + XXXV)</t>
  </si>
  <si>
    <t>VIGILÂNCIA SANITÁRIA (XLIV) = (VIII + XXXVI)</t>
  </si>
  <si>
    <t>VIGILÂNCIA EPIDEMIOLÓGICA (XLV) = (IX + XXXVII)</t>
  </si>
  <si>
    <t>ALIMENTAÇÃO E NUTRIÇÃO  (XLVI) = (X + XXXVIII)</t>
  </si>
  <si>
    <t>OUTRAS SUBFUNÇÕES (XLVII) = (XI + XXXIX)</t>
  </si>
  <si>
    <t>TOTAL DAS DESPESAS COM SAÚDE (XLVIII) = (XII +XL)</t>
  </si>
  <si>
    <t>(-) Despesas executadas com recursos provenientes das transferências de recursos de outros entes3</t>
  </si>
  <si>
    <t>TOTAL DAS DESPESAS EXECUTADAS COM RECURSOS PRÓPRIOS (XLIX)</t>
  </si>
  <si>
    <t>DEMONSTRATIVO DAS PARCERIAS PÚBLICO-PRIVADAS</t>
  </si>
  <si>
    <t>IMPACTOS DAS CONTRATAÇÕES DE PPP</t>
  </si>
  <si>
    <t>SALDO TOTAL EM 31 DE DEZEMBRO DO EXERCÍCIO ANTERIOR</t>
  </si>
  <si>
    <t>REGISTROS EFETUADOS EM 2020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 xml:space="preserve">Outros Passivos 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1</t>
  </si>
  <si>
    <t>Ano 2022</t>
  </si>
  <si>
    <t>Ano 2023</t>
  </si>
  <si>
    <t>Ano 2024</t>
  </si>
  <si>
    <t>Ano 2025</t>
  </si>
  <si>
    <t>Ano 2026</t>
  </si>
  <si>
    <t>Ano 2027</t>
  </si>
  <si>
    <t>Ano 2028</t>
  </si>
  <si>
    <t>Ano 2029</t>
  </si>
  <si>
    <t>DO ENTE FEDERADO, EXCETO ESTATAIS NÃO DEPENDENTES (I) = (I.1 + I.2)</t>
  </si>
  <si>
    <t xml:space="preserve">   Contratadas (I.1)</t>
  </si>
  <si>
    <t xml:space="preserve">   A contratar (I.2)</t>
  </si>
  <si>
    <t>DAS ESTATAIS NÃO-DEPENDENTES (II) = (II.1 + II.2)</t>
  </si>
  <si>
    <t xml:space="preserve">   Contratadas (II.1)</t>
  </si>
  <si>
    <t xml:space="preserve">     A contratar (II.2)</t>
  </si>
  <si>
    <t>TOTAL DAS DESPESAS DE PPP (III) = (I + II)</t>
  </si>
  <si>
    <t>RECEITA CORRENTE LÍQUIDA (RCL) (IV)</t>
  </si>
  <si>
    <t>TOTAL DAS DESPESAS CONSIDERADAS PARA O LIMITE (I)</t>
  </si>
  <si>
    <t>TOTAL DAS DESPESAS CONSIDERADAS PARA O LIMITE / RCL (%) (V) = (I / IV)</t>
  </si>
  <si>
    <t>DEMONSTRATIVO SIMPLIFICADO DO RELATÓRIO RESUMIDO DA EXECUÇÃO ORÇAMENTÁRIA</t>
  </si>
  <si>
    <t xml:space="preserve">  Previsão Inicial </t>
  </si>
  <si>
    <t xml:space="preserve">  Previsão Atualizada </t>
  </si>
  <si>
    <t xml:space="preserve">  Receitas Realizadas </t>
  </si>
  <si>
    <t xml:space="preserve">  Déficit Orçamentário</t>
  </si>
  <si>
    <t xml:space="preserve">  Saldos de Exercícios Anteriores (Utilizados para Créditos Adicionais)</t>
  </si>
  <si>
    <t xml:space="preserve">  Dotação Inicial</t>
  </si>
  <si>
    <t xml:space="preserve">  Dotação Atualizada</t>
  </si>
  <si>
    <t xml:space="preserve">  Despesas Empenhadas</t>
  </si>
  <si>
    <t xml:space="preserve">  Despesas Liquidadas</t>
  </si>
  <si>
    <t xml:space="preserve">  Despesas Pagas</t>
  </si>
  <si>
    <t xml:space="preserve">  Superávit Orçamentário</t>
  </si>
  <si>
    <t>DESPESAS POR FUNÇÃO / SUBFUNÇÃO</t>
  </si>
  <si>
    <t>RECEITA CORRENTE LÍQUIDA - RCL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RECEITAS E DESPESAS DO REGIME PRÓPRIO DE PREVIDÊNCIA DOS SERVIDORES</t>
  </si>
  <si>
    <t>Regime Próprio de Previdência dos Servidores - PLANO PREVIDENCIÁRIO</t>
  </si>
  <si>
    <t xml:space="preserve">    Receitas Previdenciárias Realizadas</t>
  </si>
  <si>
    <t xml:space="preserve">    Despesas Previdenciárias Empenhadas</t>
  </si>
  <si>
    <t xml:space="preserve">    Despesas Previdenciárias Liquidadas</t>
  </si>
  <si>
    <t xml:space="preserve">    Resultado Previdenciário</t>
  </si>
  <si>
    <t>Regime Próprio de Previdência dos Servidores - PLANO FINANCEIRO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TOTAL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60% do FUNDEB na Remuneração do Magistério com Ensino Fundamental e Médio</t>
  </si>
  <si>
    <t>Mínimo Anual de 60% do FUNDEB na Remuneração do Magistério com Educação Infantil e Ensino Fundamental</t>
  </si>
  <si>
    <t>Complementação da União ao FUNDEB</t>
  </si>
  <si>
    <t>RECEITAS DE OPERAÇÕES DE CRÉDITO E DESPESAS DE CAPITAL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</t>
  </si>
  <si>
    <t xml:space="preserve">    Receitas Previdenciárias</t>
  </si>
  <si>
    <t xml:space="preserve">    Despesas Previdenciárias</t>
  </si>
  <si>
    <t>Plano Financeiro</t>
  </si>
  <si>
    <t>RECEITA DA ALIENAÇÃO DE ATIVOS E APLICAÇÃO DOS RECURSOS</t>
  </si>
  <si>
    <t>Saldo a Realizar</t>
  </si>
  <si>
    <t>Receitas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 xml:space="preserve">Total das Despesas Consideradas para o Limite / RCL (%) </t>
  </si>
  <si>
    <t>DEMONSTRATIVO DA EXECUÇÃO DAS DESPESAS POR FUNÇÃO/SUBFUNÇÃO</t>
  </si>
  <si>
    <t>FUNÇÃO/SUBFUNÇÃO</t>
  </si>
  <si>
    <t>Dotação Atualizada (a)</t>
  </si>
  <si>
    <t>% (b/total b)</t>
  </si>
  <si>
    <t>Saldo (c) = (a-b)</t>
  </si>
  <si>
    <t>% (d/total d)</t>
  </si>
  <si>
    <t>Saldo (e) = (a-d)</t>
  </si>
  <si>
    <t>Inscritas em Restos a Pagar Não Processados (f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   846 - Outros Encargos Especiais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130 - Administração de Concessões</t>
  </si>
  <si>
    <t xml:space="preserve">      272 - Previdência do Regime Estatutário</t>
  </si>
  <si>
    <t xml:space="preserve">      663 - Mineração</t>
  </si>
  <si>
    <t xml:space="preserve">   06 - Segurança Pública</t>
  </si>
  <si>
    <t xml:space="preserve">      181 - Policiamento</t>
  </si>
  <si>
    <t xml:space="preserve">      182 - Defesa Civil</t>
  </si>
  <si>
    <t xml:space="preserve">      183 - Informação e Inteligência</t>
  </si>
  <si>
    <t xml:space="preserve">      243 - Assistência à Criança e ao Adolescente</t>
  </si>
  <si>
    <t xml:space="preserve">      421 - Custódia e Reintegração Social</t>
  </si>
  <si>
    <t xml:space="preserve">   08 - Assistência Social</t>
  </si>
  <si>
    <t xml:space="preserve">      241 - Assistência ao Idoso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06 - Alimentação e Nutrição</t>
  </si>
  <si>
    <t xml:space="preserve">      331 - Proteção e Benefícios ao Trabalhador</t>
  </si>
  <si>
    <t xml:space="preserve">      363 - Ensino Profissional</t>
  </si>
  <si>
    <t xml:space="preserve">      511 - Saneamento Básico Rural</t>
  </si>
  <si>
    <t xml:space="preserve">   11 - Trabalho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13 - Cultura</t>
  </si>
  <si>
    <t xml:space="preserve">      391 - Patrimônio Histórico, Artístico e Arqueológico</t>
  </si>
  <si>
    <t xml:space="preserve">      392 - Difusão Cultural</t>
  </si>
  <si>
    <t xml:space="preserve">   14 - Direitos da Cidadania</t>
  </si>
  <si>
    <t xml:space="preserve">      423 - Assistência aos Povos Indígenas</t>
  </si>
  <si>
    <t xml:space="preserve">   15 - Urbanismo</t>
  </si>
  <si>
    <t xml:space="preserve">      451 - Infra-estrutura Urbana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   573 - Difusão do Conhecimento Científico e Tecnológico</t>
  </si>
  <si>
    <t xml:space="preserve">   20 - Agricultura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1 - Promoção Comercial</t>
  </si>
  <si>
    <t xml:space="preserve">      692 - Comercialização</t>
  </si>
  <si>
    <t xml:space="preserve">      695 - Turismo</t>
  </si>
  <si>
    <t xml:space="preserve">   24 - Comunicações</t>
  </si>
  <si>
    <t xml:space="preserve">      722 - Tele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90</t>
  </si>
  <si>
    <t>191</t>
  </si>
  <si>
    <t>192</t>
  </si>
  <si>
    <t>193</t>
  </si>
  <si>
    <t>194</t>
  </si>
  <si>
    <t>195</t>
  </si>
  <si>
    <t>196</t>
  </si>
  <si>
    <t>197</t>
  </si>
  <si>
    <t>198</t>
  </si>
  <si>
    <t>199</t>
  </si>
  <si>
    <t>200</t>
  </si>
  <si>
    <t>201</t>
  </si>
  <si>
    <t>202</t>
  </si>
  <si>
    <t>203</t>
  </si>
  <si>
    <t>204</t>
  </si>
  <si>
    <t>205</t>
  </si>
  <si>
    <t>206</t>
  </si>
  <si>
    <t>100001</t>
  </si>
  <si>
    <t>Total</t>
  </si>
  <si>
    <t>DEMONSTRATIVO DA RECEITA CORRENTE LÍQUIDA</t>
  </si>
  <si>
    <t>ESPECIFICAÇÃO</t>
  </si>
  <si>
    <t>Evolução da Receita Realizada nos últimos 12 meses</t>
  </si>
  <si>
    <t>Jan/2020</t>
  </si>
  <si>
    <t>Fev/2020</t>
  </si>
  <si>
    <t>Mar/2020</t>
  </si>
  <si>
    <t>Abr/2020</t>
  </si>
  <si>
    <t>Mai/2020</t>
  </si>
  <si>
    <t>Jun/2020</t>
  </si>
  <si>
    <t>Jul/2020</t>
  </si>
  <si>
    <t>Ago/2020</t>
  </si>
  <si>
    <t>Set/2020</t>
  </si>
  <si>
    <t>Out/2020</t>
  </si>
  <si>
    <t>Nov/2020</t>
  </si>
  <si>
    <t>Dez/2020</t>
  </si>
  <si>
    <t>Total (ùltimos 12 Meses)</t>
  </si>
  <si>
    <t>Previsão Atualizada 2020</t>
  </si>
  <si>
    <t xml:space="preserve">      RECEITAS CORRENTES (I)</t>
  </si>
  <si>
    <t xml:space="preserve">         Impostos, Taxas e Contribuições de Melhoria</t>
  </si>
  <si>
    <t xml:space="preserve">            ICMS</t>
  </si>
  <si>
    <t xml:space="preserve">            IPVA</t>
  </si>
  <si>
    <t xml:space="preserve">            ITCD</t>
  </si>
  <si>
    <t xml:space="preserve">            IRRF</t>
  </si>
  <si>
    <t xml:space="preserve">            Outros Impostos, Taxas e Contribuições de Melhoria</t>
  </si>
  <si>
    <t xml:space="preserve">         CONTRIBUIÇÕES</t>
  </si>
  <si>
    <t xml:space="preserve">         RECEITA PATRIMONIAL</t>
  </si>
  <si>
    <t xml:space="preserve">            Rendimentos de Aplicação Financeira</t>
  </si>
  <si>
    <t xml:space="preserve">            Outras Receitas Patrimoniais</t>
  </si>
  <si>
    <t xml:space="preserve">         RECEITA AGROPECUÁRIA</t>
  </si>
  <si>
    <t xml:space="preserve">         RECEITA INDUSTRIAL</t>
  </si>
  <si>
    <t xml:space="preserve">         RECEITA DE SERVIÇOS</t>
  </si>
  <si>
    <t xml:space="preserve">         TRANSFERÊNCIAS CORRENTES</t>
  </si>
  <si>
    <t xml:space="preserve">            Cota-Parte do FPE</t>
  </si>
  <si>
    <t xml:space="preserve">            Transferências da LC 87/1996</t>
  </si>
  <si>
    <t xml:space="preserve">            Transferências da LC 61/1989</t>
  </si>
  <si>
    <t xml:space="preserve">            Transferências do FUNDEB</t>
  </si>
  <si>
    <t xml:space="preserve">            Outras Transferências Correntes</t>
  </si>
  <si>
    <t xml:space="preserve">         OUTRAS RECEITAS CORRENTES</t>
  </si>
  <si>
    <t xml:space="preserve">      DEDUÇÕES (II)</t>
  </si>
  <si>
    <t xml:space="preserve">         Transferências Constitucionais e Legais</t>
  </si>
  <si>
    <t xml:space="preserve">         Contrib. do Servidor para o Plano de Previdência</t>
  </si>
  <si>
    <t xml:space="preserve">         Compensação Financ. entre Regimes Previdência</t>
  </si>
  <si>
    <t xml:space="preserve">         Dedução de Receita para Formação do FUNDEB</t>
  </si>
  <si>
    <t xml:space="preserve">   RECEITA CORRENTE LÍQUIDA (III) = (I - II)</t>
  </si>
  <si>
    <t xml:space="preserve">   ( - ) Transferências obrigatórias da União relativas às emendas individuais (art. 166-A, § 1º, da CF) (IV)</t>
  </si>
  <si>
    <t>RECEITA CORRENTE LÍQUIDA AJUSTADA PARA CÁLCULO DOS LIMITES DE ENDIVIDAMENTO (V) = (III - IV)</t>
  </si>
  <si>
    <t xml:space="preserve">( - ) Transferências obrigatórias da União relativas às emendas de bancada (art. 166, § 16, da CF) (VI)  </t>
  </si>
  <si>
    <t>RECEITA CORRENTE LÍQUIDA AJUSTADA PARA CÁLCULO DOS LIMITES DA DESPESA COM PESSOAL (VII) = (V - VI)</t>
  </si>
  <si>
    <t>DEMONSTRATIVO DAS RECEITAS E DESPESAS PREVIDENCIÁRIAS DO RPPS</t>
  </si>
  <si>
    <t>RECEITAS PREVIDENCIÁRIAS - RPPS</t>
  </si>
  <si>
    <t>Previsão Atualizada</t>
  </si>
  <si>
    <t>Até o Bimestre 2020</t>
  </si>
  <si>
    <t>Até o Bimestre 2019</t>
  </si>
  <si>
    <t>RECEITAS CORRENTES (I)</t>
  </si>
  <si>
    <t xml:space="preserve">Receita de Contribuições dos Segurados </t>
  </si>
  <si>
    <t xml:space="preserve">   Civil</t>
  </si>
  <si>
    <t xml:space="preserve">      Ativo </t>
  </si>
  <si>
    <t xml:space="preserve">      Inativo </t>
  </si>
  <si>
    <t xml:space="preserve">      Pensionista </t>
  </si>
  <si>
    <t xml:space="preserve">   Militar</t>
  </si>
  <si>
    <t xml:space="preserve">    Receita de Contribuições Patronais 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Previdenciária do RGPS para o RPPS</t>
  </si>
  <si>
    <t xml:space="preserve">   Aportes Periódicos para Amortização de Déficit Atuarial do RPPS (II)1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PREVIDENCIÁRIAS RPPS - (IV) = (I + III - II)</t>
  </si>
  <si>
    <t>DESPESAS PREVIDENCIÁRIAS - RPPS</t>
  </si>
  <si>
    <t>Dotação Atualizada</t>
  </si>
  <si>
    <t>Inscritas em Restos a Pagar Não Processados</t>
  </si>
  <si>
    <t>Em 2020</t>
  </si>
  <si>
    <t>Em 2019</t>
  </si>
  <si>
    <t>Benefícios - Civil</t>
  </si>
  <si>
    <t xml:space="preserve">   Aposentadorias</t>
  </si>
  <si>
    <t xml:space="preserve">   Pensões</t>
  </si>
  <si>
    <t xml:space="preserve">   Outros Benefícios Previdenciários</t>
  </si>
  <si>
    <t>Benefícios - Militar</t>
  </si>
  <si>
    <t xml:space="preserve">   Reformas</t>
  </si>
  <si>
    <t>Outras Despesas Previdenciárias</t>
  </si>
  <si>
    <t xml:space="preserve">   Compensação Previdenciária do RPPS para o RGPS</t>
  </si>
  <si>
    <t xml:space="preserve">   Demais Despesas Previdenciárias</t>
  </si>
  <si>
    <t>TOTAL DAS DESPESAS PREVIDENCIÁRIAS RPPS (V)</t>
  </si>
  <si>
    <t>RESULTADO PREVIDENCIÁRIO (VIII) = (IV – VII)²</t>
  </si>
  <si>
    <t>RESULTADO PREVIDENCIÁRIO (VI) = (IV – V)2</t>
  </si>
  <si>
    <t>RECURSOS RPPS ARRECADADOS EM EXERCÍCIOS ANTERIORES</t>
  </si>
  <si>
    <t>Previsão Orçamentária</t>
  </si>
  <si>
    <t>VALOR</t>
  </si>
  <si>
    <t>RESERVA ORÇAMENTÁRIA DO RPPS</t>
  </si>
  <si>
    <t>APORTES DE RECURSOS PARA O PLANO PREVIDENCIÁRI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BENS E DIREITOS DO RPPS</t>
  </si>
  <si>
    <t>Período de Referência</t>
  </si>
  <si>
    <t>2019</t>
  </si>
  <si>
    <t>Caixa e Equivalentes de Caixa</t>
  </si>
  <si>
    <t>Investimentos e Aplicações</t>
  </si>
  <si>
    <t>Outros Bens e Direitos</t>
  </si>
  <si>
    <t>RECEITAS CORRENTES (VII)</t>
  </si>
  <si>
    <t xml:space="preserve">   Receita de Contribuições dos Segurados</t>
  </si>
  <si>
    <t xml:space="preserve">      Civil</t>
  </si>
  <si>
    <t xml:space="preserve">         Ativo </t>
  </si>
  <si>
    <t xml:space="preserve">         Inativo </t>
  </si>
  <si>
    <t xml:space="preserve">         Pensionista </t>
  </si>
  <si>
    <t xml:space="preserve">      Militar</t>
  </si>
  <si>
    <t xml:space="preserve">   Receita de Contribuições Patronais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   Outras Receitas Patrimoniais</t>
  </si>
  <si>
    <t xml:space="preserve">   Receita de Serviços</t>
  </si>
  <si>
    <t xml:space="preserve">   Outras Receitas Correntes</t>
  </si>
  <si>
    <t xml:space="preserve">      Compensação Previdenciária do RGPS para o RPPS</t>
  </si>
  <si>
    <t>RECEITAS DE CAPITAL (VIII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PREVIDENCIÁRIAS RPPS - (IX) = (VII + VIII)</t>
  </si>
  <si>
    <t xml:space="preserve">   Aposentadorias </t>
  </si>
  <si>
    <t xml:space="preserve">TOTAL DAS DESPESAS PREVIDENCIÁRIAS RPPS (X) </t>
  </si>
  <si>
    <t>RESULTADO PREVIDENCIÁRIO (XV) = (XI – XIV)²</t>
  </si>
  <si>
    <t>RESULTADO PREVIDENCIÁRIO (XI) = (IX – X)2</t>
  </si>
  <si>
    <t>APORTES DE RECURSOS PARA O PLANO FINANCEIRO DO RPPS</t>
  </si>
  <si>
    <t>Recursos para Cobertura de Insuficiências Financeiras</t>
  </si>
  <si>
    <t>Recursos para Formação de Reserva</t>
  </si>
  <si>
    <t>RECEITAS DA ADMINISTRAÇÃO - RPPS</t>
  </si>
  <si>
    <t>TOTAL DAS RECEITAS DA ADMINISTRAÇÃO RPPS - (XII)</t>
  </si>
  <si>
    <t>DESPESAS DA ADMINISTRAÇÃO - RPPS</t>
  </si>
  <si>
    <t>INSCRITAS EM RESTOS A PAGAR NÃO PROCESSADOS</t>
  </si>
  <si>
    <t>DESPESAS CORRENTES (XIII)</t>
  </si>
  <si>
    <t>DESPESAS DE CAPITAL (XIV)</t>
  </si>
  <si>
    <t>TOTAL DAS DESPESAS DA ADMINISTRAÇÃO RPPS (XV) = (XIII + XIV)</t>
  </si>
  <si>
    <t>USAR DA ANTERIOR</t>
  </si>
  <si>
    <t>RESULTADO DA ADMINISTRAÇÃO RPPS (XVI) = (XII – XV)</t>
  </si>
  <si>
    <t>DEMONSTRATIVO DO RESULTADO PRIMÁRIO E NOMINAL</t>
  </si>
  <si>
    <t>RECEITAS PRIMÁRIAS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espesas Pagas (a)</t>
  </si>
  <si>
    <t>Restos a Pagar Processados Pagos (b)</t>
  </si>
  <si>
    <t>Restos a pagar não processados</t>
  </si>
  <si>
    <t>Liquidados</t>
  </si>
  <si>
    <t>Pagos (c)</t>
  </si>
  <si>
    <t>Pessoal e Encargos Sociais</t>
  </si>
  <si>
    <t>Juros e Encargos da Dívida (XIV)</t>
  </si>
  <si>
    <t>Outras Despesas Correntes</t>
  </si>
  <si>
    <t xml:space="preserve">   Transferências Constitucionais e Legais</t>
  </si>
  <si>
    <t xml:space="preserve">   Demais Despesas Corrente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19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20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AJUSTES RELATIVOS AO RPPS (XXXVII)</t>
  </si>
  <si>
    <t>OUTROS AJUSTES (XXXVIII)</t>
  </si>
  <si>
    <t>RESULTADO NOMINAL AJUSTADO - Abaixo da Linha (XXXIX) = (XXXII - XXXIII - IX + XXXIV + XXXV - XXXVI + XXXVII + XXXVIII)</t>
  </si>
  <si>
    <t>RESULTADO PRIMÁRIO - ABAIXO DA LINHA (XXXVII) =  XXXVI - (XXV - XXVI)</t>
  </si>
  <si>
    <t>RESULTADO PRIMÁRIO - Abaixo da Linha (XL) =  XXXIX - (XXV - XXVI)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¹</t>
  </si>
  <si>
    <t>Até o Bimestre/2019</t>
  </si>
  <si>
    <t>Até o Bimestre/  2020</t>
  </si>
  <si>
    <t>DESPESAS CORRENTES (XLI)</t>
  </si>
  <si>
    <t>Juros e Encargos da Dívida (XLII)</t>
  </si>
  <si>
    <t>DESPESAS PRIMÁRIAS CORRENTES (XLIII) = (XLI - XLII)</t>
  </si>
  <si>
    <t>Transferências Constitucionais (XLIV)</t>
  </si>
  <si>
    <t>Contribuições para o PIS/PASEP (XLV)</t>
  </si>
  <si>
    <t>DESPESAS PRIMÁRIAS CORRENTES APURADAS CONFORME O ART. 4º DA LC 156/16 (XLVI) = (XLIII - XLIV - XLV)</t>
  </si>
  <si>
    <t>DEMONSTRATIVO DOS RESTOS A PAGAR POR PODER E ÓRGÃO</t>
  </si>
  <si>
    <t>Poder / Órgão</t>
  </si>
  <si>
    <t>Restos a Pagar Processados</t>
  </si>
  <si>
    <t>Inscritos em Exercícios Anteriores (a)</t>
  </si>
  <si>
    <t>Inscritos Em 31 de Dezembro de 2019 (b)</t>
  </si>
  <si>
    <t>Cancelados (d)</t>
  </si>
  <si>
    <t>Saldo e=(a+b)-(c+d)</t>
  </si>
  <si>
    <t>Restos a Pagar Não Processados</t>
  </si>
  <si>
    <t>Inscritos em Exercícios Anteriores (f)</t>
  </si>
  <si>
    <t>Inscritos Em 31 de Dezembro de 2019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DEMONSTRATIVO DAS RECEITAS E DESPESAS COM MANUTENÇÃO E DESENVOLVIMENTO DO ENSINO - MDE</t>
  </si>
  <si>
    <t>RESULTANTE DE IMPOSTOS (CAPUT DO ART. 212 DA CONSTITUIÇÃO)</t>
  </si>
  <si>
    <t>% (c) = (b / a) * 100</t>
  </si>
  <si>
    <t>1- RECEITA DE IMPOSTOS</t>
  </si>
  <si>
    <t xml:space="preserve">   1.1- Receita Resultante do Imposto sobre a Circulação de Mercadorias e Serviços de Transporte Interestadual e Intermunicipal e de Comunicação - ICMS</t>
  </si>
  <si>
    <t xml:space="preserve">      1.1.1- ICMS</t>
  </si>
  <si>
    <t xml:space="preserve">      1.1.2- Multas, Juros de Mora, Divida Ativa e Outros Encargos do ICMS</t>
  </si>
  <si>
    <t xml:space="preserve">      1.1.3- Adicional de até 2% do ICMS destinado ao Fundo de Combate à Pobreza (ADCT, art. 82, §1º)</t>
  </si>
  <si>
    <t xml:space="preserve">   1.2- Receita Resultante do Imposto de Transmissão Causa Mortis e Doação de Bens e Direitos – ITCD</t>
  </si>
  <si>
    <t xml:space="preserve">      1.2.1- ITCD</t>
  </si>
  <si>
    <t xml:space="preserve">      1.2.2- Multas, Juros de Mora, Dívida Ativa e Outros Encargos do ITCD</t>
  </si>
  <si>
    <t xml:space="preserve">   1.3- Receita Resultante do Imposto sobre a Propriedade de Veículos Automotores – IPVA</t>
  </si>
  <si>
    <t xml:space="preserve">      1.3.1- IPVA</t>
  </si>
  <si>
    <t xml:space="preserve">      1.3.2- Multas, Juros de Mora, Dívida Ativa e Outros Encargos do IPVA</t>
  </si>
  <si>
    <t xml:space="preserve">   1.4- Receita Resultante do Imposto sobre a Renda e Proventos de Qualquer Natureza Retido na Fonte – IRRF</t>
  </si>
  <si>
    <t>2- RECEITA DE TRANSFERÊNCIAS CONSTITUCIONAIS E LEGAIS</t>
  </si>
  <si>
    <t xml:space="preserve">   2.1- Cota-Parte FPE</t>
  </si>
  <si>
    <t xml:space="preserve">   2.2- ICMS-Desoneração - L.C. nº87/1996</t>
  </si>
  <si>
    <t xml:space="preserve">   2.3- Cota-Parte IPI-Exportação</t>
  </si>
  <si>
    <t xml:space="preserve">   2.4- Cota-Parte IOF-Ouro</t>
  </si>
  <si>
    <t>3- DEDUÇÕES DE TRANSFERÊNCIAS CONSTITUCIONAIS AOS MUNICÍPIOS</t>
  </si>
  <si>
    <t xml:space="preserve">   3.1- PARCELA DO ICMS REPASSADA AOS MUNICÍPIOS (25% de (1.1 - 1.1.3))</t>
  </si>
  <si>
    <t xml:space="preserve">   3.2- PARCELA DO IPVA REPASSADA AOS MUNICÍPIOS (50% de 1.3)</t>
  </si>
  <si>
    <t xml:space="preserve">   3.3- PARCELA DA COTA-PARTE DO IPI-EXPORTAÇÃO REPASSADA AOS MUNICÍPIOS (25% de 2.3)</t>
  </si>
  <si>
    <t>4- TOTAL DA RECEITA LÍQUIDA DE IMPOSTOS (1 + 2 - 3)</t>
  </si>
  <si>
    <t>RECEITAS ADICIONAIS PARA FINANCIAMENTO DO ENSINO</t>
  </si>
  <si>
    <t>5- RECEITA DA APLICAÇÃO FINANCEIRA DE OUTROS RECURSOS DE IMPOSTOS VINCULADOS AO ENSINO</t>
  </si>
  <si>
    <t>6- RECEITA DE TRANSFERÊNCIAS DO FNDE</t>
  </si>
  <si>
    <t xml:space="preserve">   6.1- Transferências do Salário-Educação</t>
  </si>
  <si>
    <t xml:space="preserve">   6.2- Transferências Diretas – PDDE</t>
  </si>
  <si>
    <t xml:space="preserve">   6.3- Transferências Diretas – PNAE</t>
  </si>
  <si>
    <t xml:space="preserve">   6.4 - Transferências Diretas – PNATE</t>
  </si>
  <si>
    <t xml:space="preserve">   6.5- Outras Transferências do FNDE</t>
  </si>
  <si>
    <t xml:space="preserve">   6.6- Aplicação Financeira dos Recursos do FNDE</t>
  </si>
  <si>
    <t>7- RECEITA DE TRANSFERÊNCIAS DE CONVÊNIOS</t>
  </si>
  <si>
    <t xml:space="preserve">   7.1- Transferências de Convênios</t>
  </si>
  <si>
    <t xml:space="preserve">   7.2- Aplicação Financeira dos Recursos de Convênios</t>
  </si>
  <si>
    <t>8 - RECEITA DE OPERAÇÕES DE CRÉDITO</t>
  </si>
  <si>
    <t>9 - OUTRAS RECEITAS PARA FINANCIAMENTO DO ENSINO</t>
  </si>
  <si>
    <t>10- TOTAL DAS RECEITAS ADICIONAIS PARA FINANCIAMENTO DO ENSINO (5+6+7+8+9)</t>
  </si>
  <si>
    <t>RECEITAS DO FUNDEB</t>
  </si>
  <si>
    <t>11- RECEITAS DESTINADAS AO FUNDEB</t>
  </si>
  <si>
    <t>11.1- Receita Resultante do ICMS Destinada ao FUNDEB – (20% de (1.1 – 3.1))</t>
  </si>
  <si>
    <t>11.2- Receita Resultante do ITCD Destinada ao FUNDEB – (20% de 1.2)</t>
  </si>
  <si>
    <t>11.3- Receita Resultante do IPVA Destinada ao FUNDEB – (20% de (1.3 – 3.2)</t>
  </si>
  <si>
    <t>11.4- Cota-Parte FPE Destinada ao FUNDEB – (20% de 2.1)</t>
  </si>
  <si>
    <t>11.5- ICMS-Desoneração Destinada ao FUNDEB – (20% de 2.2)</t>
  </si>
  <si>
    <t>11.6- Cota-Parte IPI Exportação Destinada ao FUNDEB – (20% de (2.3 – 3.3))</t>
  </si>
  <si>
    <t>12- RECEITAS RECEBIDAS DO FUNDEB</t>
  </si>
  <si>
    <t>12.1- Transferências de Recursos do FUNDEB</t>
  </si>
  <si>
    <t>12.2- Complementação da União ao FUNDEB</t>
  </si>
  <si>
    <t>12.3- Receita de Aplicação Financeira dos Recursos do FUNDEB</t>
  </si>
  <si>
    <t>13- RESULTADO LÍQUIDO DAS TRANSFERÊNCIAS DO FUNDEB (12.1 – 11)</t>
  </si>
  <si>
    <t>RESULTADO LÍQUIDO DA TRANSFERÊNCIA DO FUNDEB</t>
  </si>
  <si>
    <t>[SE RESULTADO LÍQUIDO DA TRANSFERÊNCIA (13) &gt; 0] = ACRÉSCIMO RESULTANTE DAS TRANSFERÊNCIAS DO FUNDEB</t>
  </si>
  <si>
    <t>[SE RESULTADO LÍQUIDO DA TRANSFERÊNCIA (13) &lt; 0] = DECRÉSCIMO RESULTANTE DAS TRANSFERÊNCIAS DO FUNDEB</t>
  </si>
  <si>
    <t>DESPESAS DO FUNDEB</t>
  </si>
  <si>
    <t>% (f) = (e / d) * 100</t>
  </si>
  <si>
    <t>Até o Bimestre (g)</t>
  </si>
  <si>
    <t>% (h) = (g / d) * 100</t>
  </si>
  <si>
    <t>Inscritas em Restos a Pagar Não Processados (i)</t>
  </si>
  <si>
    <t>14- PAGAMENTO DOS PROFISSIONAIS DO MAGISTÉRIO</t>
  </si>
  <si>
    <t xml:space="preserve">   14.1- Com Ensino Fundamental</t>
  </si>
  <si>
    <t xml:space="preserve">   14.2- Com Ensino Médio</t>
  </si>
  <si>
    <t>15- OUTRAS DESPESAS</t>
  </si>
  <si>
    <t xml:space="preserve">   15.1- Com Ensino Fundamental</t>
  </si>
  <si>
    <t xml:space="preserve">   15.2- Com Ensino Médio</t>
  </si>
  <si>
    <t>16- TOTAL DAS DESPESAS DO FUNDEB (14 + 15)</t>
  </si>
  <si>
    <t>DEDUÇÕES PARA FINS DE LIMITE DO FUNDEB</t>
  </si>
  <si>
    <t>17- RESTOS A PAGAR INSCRITOS NO EXERCÍCIO SEM DISPONIBILIDADE FINANCEIRA DE RECURSOS DO FUNDEB</t>
  </si>
  <si>
    <t xml:space="preserve">   17.1 – FUNDEB 60%</t>
  </si>
  <si>
    <t xml:space="preserve">   17.2 – FUNDEB 40%</t>
  </si>
  <si>
    <t>18- DESPESAS CUSTEADAS COM O SUPERÁVIT FINANCEIRO, DO EXERCÍCIO ANTERIOR, DO FUNDEB</t>
  </si>
  <si>
    <t xml:space="preserve">   18.1 – FUNDEB 60%</t>
  </si>
  <si>
    <t xml:space="preserve">   18.2 – FUNDEB 40%</t>
  </si>
  <si>
    <t>19- TOTAL DAS DEDUÇÕES CONSIDERADAS PARA FINS DE LIMITE DO FUNDEB (17 + 18)</t>
  </si>
  <si>
    <t>INDICADORES DO FUNDEB</t>
  </si>
  <si>
    <t>20- TOTAL DAS DESPESAS DO FUNDEB PARA FINS DE LIMITE (16 - 19)</t>
  </si>
  <si>
    <t>20.1 - Mínimo de 60% do FUNDEB na Remuneração do Magistério  ***1  (14 - (17.1 + 18.1)) / (12) x 100) %</t>
  </si>
  <si>
    <t>20.2 - Máximo de 40% em Despesa com MDE, que não Remuneração do Magistério (15 - (17.2 + 18.2)) / (12) x 100) %</t>
  </si>
  <si>
    <t>20.3 - Máximo de 5% não Aplicado no Exercício (100 - (20.1 + 20.2)) %</t>
  </si>
  <si>
    <t>CONTROLE DA UTILIZAÇÃO DE RECURSOS NO EXERCÍCIO SUBSEQUENTE</t>
  </si>
  <si>
    <t>21- RECURSOS RECEBIDOS DO FUNDEB EM 2019 QUE NÃO FORAM UTILIZADOS</t>
  </si>
  <si>
    <t>22 – DESPESAS CUSTEADAS COM O SALDO DO ITEM 21 ATÉ O 1º TRIMESTRE DE 2020 ***2</t>
  </si>
  <si>
    <t>DESPESAS COM AÇÕES TÍPICAS DE MANUTENÇÃO E DESENVOLVIMENTO DO ENSINO</t>
  </si>
  <si>
    <t xml:space="preserve">Até o Bimestre (g) </t>
  </si>
  <si>
    <t>23- EDUCAÇÃO INFANTIL</t>
  </si>
  <si>
    <t xml:space="preserve">   23.1 - Creche</t>
  </si>
  <si>
    <t xml:space="preserve">   23.2 - Pré-escola</t>
  </si>
  <si>
    <t>24- ENSINO FUNDAMENTAL</t>
  </si>
  <si>
    <t xml:space="preserve">   24.1- Despesas Custeadas com Recursos do FUNDEB</t>
  </si>
  <si>
    <t xml:space="preserve">   24.2- Despesas Custeadas com Outros Recursos de Impostos</t>
  </si>
  <si>
    <t>25- ENSINO MÉDIO</t>
  </si>
  <si>
    <t xml:space="preserve">   25.1- Despesas Custeadas com Recursos do FUNDEB</t>
  </si>
  <si>
    <t xml:space="preserve">   25.2- Despesas Custeadas com Outros Recursos de Impostos</t>
  </si>
  <si>
    <t>26- ENSINO SUPERIOR</t>
  </si>
  <si>
    <t>27- ENSINO PROFISSIONAL NÃO INTEGRADO AO ENSINO REGULAR</t>
  </si>
  <si>
    <t>28- OUTRAS</t>
  </si>
  <si>
    <t>29- TOTAL DAS DESPESAS COM AÇÕES TÍPICAS DE MDE (23 + 24 + 25 + 26 + 27 + 28)</t>
  </si>
  <si>
    <t>DEDUÇÕES CONSIDERADAS PARA FINS DE LIMITE CONSTITUCIONAL DE APLICAÇÃO MÍNIMA EM MDE</t>
  </si>
  <si>
    <t>30- RESULTADO LÍQUIDO DAS TRANSFERÊNCIAS DO FUNDEB = (13)</t>
  </si>
  <si>
    <t>31- DESPESAS CUSTEADAS COM A COMPLEMENTAÇÃO DO FUNDEB NO EXERCÍCIO</t>
  </si>
  <si>
    <t>32- DESPESAS CUSTEADAS COM O SUPERÁVIT FINANCEIRO, DO EXERCÍCIO ANTERIOR, DO FUNDEB</t>
  </si>
  <si>
    <t>33- DESPESAS CUSTEADAS COM O SUPERÁVIT FINANCEIRO, DO EXERCÍCIO ANTERIOR, DE OUTROS RECURSOS DE IMPOSTOS</t>
  </si>
  <si>
    <t>34- RESTOS A PAGAR INSCRITOS NO EXERCÍCIO SEM DISPONIBILIDADE FINANCEIRA DE RECURSOS DE IMPOSTOS VINCULADOS AO ENSINO³</t>
  </si>
  <si>
    <t>35- CANCELAMENTO, NO EXERCÍCIO, DE RESTOS A PAGAR INSCRITOS COM DISPONIBILIDADE FINANCEIRA DE RECURSOS DE IMPOSTOS VINCULADOS AO ENSINO = (45j)</t>
  </si>
  <si>
    <t>36- TOTAL DAS DEDUÇÕES CONSIDERADAS PARA FINS DO LIMITE CONSTITUCIONAL (30 + 31 + 32 + 33 + 34 + 35)</t>
  </si>
  <si>
    <t>37- TOTAL DAS DESPESAS PARA FINS DE LIMITE (29 – 36)</t>
  </si>
  <si>
    <t>38- PERCENTUAL DE APLICAÇÃO EM MDE SOBRE A RECEITA LÍQUIDA DE IMPOSTOS (37 / 4 x 100) % - LIMITE CONSTITUCIONAL 25% *4 e *5</t>
  </si>
  <si>
    <t xml:space="preserve">DESPESAS CUSTEADAS COM RECEITAS ADICIONAIS PARA FINANCIAMENTO DO ENSINO </t>
  </si>
  <si>
    <t>39- DESPESAS CUSTEADAS COM A APLICAÇÃO FINANCEIRA DE OUTROS RECURSOS DE IMPOSTOS VINCULADOS AO ENSINO</t>
  </si>
  <si>
    <t>40- DESPESAS CUSTEADAS COM A CONTRIBUIÇÃO SOCIAL DO SALÁRIO-EDUCAÇÃO</t>
  </si>
  <si>
    <t>41- DESPESAS CUSTEADAS COM OPERAÇÕES DE CRÉDITO</t>
  </si>
  <si>
    <t>42- DESPESAS CUSTEADAS COM OUTRAS RECEITAS PARA FINANCIAMENTO DO ENSINO</t>
  </si>
  <si>
    <t>43- TOTAL DAS DESPESAS CUSTEADAS COM RECEITAS ADICIONAIS PARA FINANCIAMENTO DO ENSINO (39 + 40 + 41 + 42)</t>
  </si>
  <si>
    <t>44- TOTAL GERAL DAS DESPESAS COM EDUCAÇÃO (29+43)</t>
  </si>
  <si>
    <t>RESTOS A PAGAR INSCRITOS COM DISPONIBILIDADE FINANCEIRA_x000D_
DE RECURSOS DE IMPOSTOS VINCULADOS AO ENSINO</t>
  </si>
  <si>
    <t>Saldo Até o Bimestre</t>
  </si>
  <si>
    <t>Cancelado em 2020 (j)</t>
  </si>
  <si>
    <t>45- RESTOS A PAGAR DE DESPESAS COM MDE</t>
  </si>
  <si>
    <t xml:space="preserve">   45.1 - Executadas com Recursos de Impostos Vinculados ao Ensino</t>
  </si>
  <si>
    <t xml:space="preserve">   45.2 - Executadas com Recursos do FUNDEB</t>
  </si>
  <si>
    <t>CONTROLE DA DISPONIBILIDADE FINANCEIRA</t>
  </si>
  <si>
    <t>FUNDEB</t>
  </si>
  <si>
    <t>SALÁRIO EDUCAÇÃO</t>
  </si>
  <si>
    <t xml:space="preserve">   46- DISPONIBILIDADE FINANCEIRA EM 31 DE DEZEMBRO DE 2019</t>
  </si>
  <si>
    <t xml:space="preserve">   47- (+) INGRESSO DE RECURSOS ATÉ O BIMESTRE (Orçamentário)</t>
  </si>
  <si>
    <t xml:space="preserve">   48- (-) PAGAMENTOS EFETUADOS ATÉ O BIMESTRE</t>
  </si>
  <si>
    <t xml:space="preserve">      48.1 (-) Orçamento do Exercício</t>
  </si>
  <si>
    <t xml:space="preserve">      48.2 (-) Restos a Pagar</t>
  </si>
  <si>
    <t xml:space="preserve">   49-(+) RECEITA DE APLICAÇÃO FINANCEIRA DOS RECURSOS ATÉ O BIMESTRE</t>
  </si>
  <si>
    <t>50- (=) DISPONIBILIDADE FINANCEIRA ATÉ O BIMESTRE</t>
  </si>
  <si>
    <t>51- (+) AJUSTES</t>
  </si>
  <si>
    <t xml:space="preserve">   51.1 (+) Retenções</t>
  </si>
  <si>
    <t xml:space="preserve">   51.2 (-) Valores a recuperar</t>
  </si>
  <si>
    <t xml:space="preserve">   51.3 (+) Outros valores extraorçamentários</t>
  </si>
  <si>
    <t xml:space="preserve">   51.4 (+) Conciliação Bancária</t>
  </si>
  <si>
    <t>52- (=) SALDO FINANCEIRO CONCILIADO</t>
  </si>
  <si>
    <t>OPERAÇÕES DE CRÉDITO</t>
  </si>
  <si>
    <t>Saldo Não Realizado c = (a - b)</t>
  </si>
  <si>
    <t>RECEITAS DE OPERAÇÕES DE CRÉDITO¹ (I)</t>
  </si>
  <si>
    <t>Saldo Não Executado f = (d - e)</t>
  </si>
  <si>
    <t>(-) Incentivos Fiscais a Contribuinte</t>
  </si>
  <si>
    <t>(-) Incentivos Fiscais a Contribuinte por Instituições Financeiras</t>
  </si>
  <si>
    <t>DESPESA DE CAPITAL LÍQUIDA (II)</t>
  </si>
  <si>
    <t>DESCRIÇÃO</t>
  </si>
  <si>
    <t>(d-a)</t>
  </si>
  <si>
    <t>(e-b)</t>
  </si>
  <si>
    <t>(f-c)</t>
  </si>
  <si>
    <t>RESULTADO PARA APURAÇÃO DA REGRA DE OURO (III) = (II - I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4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0" fontId="1" fillId="2" borderId="1" xfId="0" applyFont="1" applyFill="1" applyBorder="1" applyAlignment="1">
      <alignment horizontal="center" vertical="center" wrapText="1"/>
    </xf>
    <xf numFmtId="0" fontId="10" fillId="0" borderId="0" xfId="0" applyFont="1" applyAlignment="1">
      <alignment horizontal="left" vertical="center"/>
    </xf>
    <xf numFmtId="0" fontId="0" fillId="0" borderId="0" xfId="0"/>
    <xf numFmtId="0" fontId="9" fillId="0" borderId="0" xfId="0" applyFont="1" applyAlignment="1">
      <alignment horizontal="center" vertical="center"/>
    </xf>
    <xf numFmtId="0" fontId="8" fillId="0" borderId="0" xfId="0" applyFont="1" applyAlignment="1">
      <alignment horizontal="center" vertical="center"/>
    </xf>
    <xf numFmtId="43" fontId="0" fillId="0" borderId="0" xfId="1" applyFont="1"/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198"/>
  <sheetViews>
    <sheetView showGridLines="0" workbookViewId="0"/>
  </sheetViews>
  <sheetFormatPr defaultRowHeight="15" x14ac:dyDescent="0.25"/>
  <cols>
    <col min="1" max="1" width="3.7109375" bestFit="1" customWidth="1"/>
    <col min="2" max="2" width="66.42578125" bestFit="1" customWidth="1"/>
    <col min="3" max="4" width="20.28515625" bestFit="1" customWidth="1"/>
    <col min="5" max="5" width="19.140625" bestFit="1" customWidth="1"/>
    <col min="6" max="6" width="20.140625" bestFit="1" customWidth="1"/>
    <col min="7" max="7" width="20.28515625" bestFit="1" customWidth="1"/>
    <col min="8" max="8" width="19" bestFit="1" customWidth="1"/>
    <col min="9" max="9" width="20.140625" bestFit="1" customWidth="1"/>
    <col min="10" max="10" width="19" bestFit="1" customWidth="1"/>
    <col min="11" max="11" width="20.140625" bestFit="1" customWidth="1"/>
    <col min="12" max="12" width="17.28515625" bestFit="1" customWidth="1"/>
  </cols>
  <sheetData>
    <row r="3" spans="1:12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</row>
    <row r="4" spans="1:12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</row>
    <row r="5" spans="1:12" x14ac:dyDescent="0.25">
      <c r="A5" s="12" t="s">
        <v>2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</row>
    <row r="6" spans="1:12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</row>
    <row r="7" spans="1:12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</row>
    <row r="9" spans="1:12" x14ac:dyDescent="0.25">
      <c r="A9" s="9" t="s">
        <v>5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</row>
    <row r="10" spans="1:12" x14ac:dyDescent="0.25">
      <c r="A10" s="8" t="s">
        <v>6</v>
      </c>
      <c r="B10" s="8" t="s">
        <v>7</v>
      </c>
      <c r="C10" s="8" t="s">
        <v>8</v>
      </c>
      <c r="D10" s="8" t="s">
        <v>9</v>
      </c>
      <c r="E10" s="8" t="s">
        <v>10</v>
      </c>
      <c r="F10" s="8" t="s">
        <v>5</v>
      </c>
      <c r="G10" s="8" t="s">
        <v>5</v>
      </c>
      <c r="H10" s="8" t="s">
        <v>5</v>
      </c>
      <c r="I10" s="8" t="s">
        <v>15</v>
      </c>
    </row>
    <row r="11" spans="1:12" x14ac:dyDescent="0.25">
      <c r="A11" s="8" t="s">
        <v>5</v>
      </c>
      <c r="B11" s="8" t="s">
        <v>5</v>
      </c>
      <c r="C11" s="8" t="s">
        <v>5</v>
      </c>
      <c r="D11" s="8" t="s">
        <v>5</v>
      </c>
      <c r="E11" s="1" t="s">
        <v>11</v>
      </c>
      <c r="F11" s="1" t="s">
        <v>12</v>
      </c>
      <c r="G11" s="1" t="s">
        <v>13</v>
      </c>
      <c r="H11" s="1" t="s">
        <v>14</v>
      </c>
      <c r="I11" s="8" t="s">
        <v>5</v>
      </c>
    </row>
    <row r="12" spans="1:12" x14ac:dyDescent="0.25">
      <c r="A12" s="3" t="s">
        <v>16</v>
      </c>
      <c r="B12" s="5" t="s">
        <v>17</v>
      </c>
      <c r="C12" s="6">
        <v>14468910900</v>
      </c>
      <c r="D12" s="6">
        <v>14968807968.780001</v>
      </c>
      <c r="E12" s="6">
        <v>3005350683.6199999</v>
      </c>
      <c r="F12" s="6">
        <v>20.079999999999998</v>
      </c>
      <c r="G12" s="6">
        <v>15417593218.469999</v>
      </c>
      <c r="H12" s="6">
        <v>103</v>
      </c>
      <c r="I12" s="6">
        <v>-448785249.69</v>
      </c>
    </row>
    <row r="13" spans="1:12" x14ac:dyDescent="0.25">
      <c r="A13" s="3" t="s">
        <v>18</v>
      </c>
      <c r="B13" s="5" t="s">
        <v>19</v>
      </c>
      <c r="C13" s="6">
        <v>12909936500</v>
      </c>
      <c r="D13" s="6">
        <v>13221680599.780001</v>
      </c>
      <c r="E13" s="6">
        <v>2930079201.7199998</v>
      </c>
      <c r="F13" s="6">
        <v>22.16</v>
      </c>
      <c r="G13" s="6">
        <v>15132110246.9</v>
      </c>
      <c r="H13" s="6">
        <v>114.45</v>
      </c>
      <c r="I13" s="6">
        <v>-1910429647.1199999</v>
      </c>
    </row>
    <row r="14" spans="1:12" x14ac:dyDescent="0.25">
      <c r="A14" s="3" t="s">
        <v>20</v>
      </c>
      <c r="B14" s="5" t="s">
        <v>21</v>
      </c>
      <c r="C14" s="6">
        <v>7547324200</v>
      </c>
      <c r="D14" s="6">
        <v>7549081400</v>
      </c>
      <c r="E14" s="6">
        <v>1610315415.47</v>
      </c>
      <c r="F14" s="6">
        <v>21.33</v>
      </c>
      <c r="G14" s="6">
        <v>8147709413.8199997</v>
      </c>
      <c r="H14" s="6">
        <v>107.93</v>
      </c>
      <c r="I14" s="6">
        <v>-598628013.82000005</v>
      </c>
    </row>
    <row r="15" spans="1:12" x14ac:dyDescent="0.25">
      <c r="A15" s="2" t="s">
        <v>22</v>
      </c>
      <c r="B15" s="4" t="s">
        <v>23</v>
      </c>
      <c r="C15" s="7">
        <v>7291055000</v>
      </c>
      <c r="D15" s="7">
        <v>7291055000</v>
      </c>
      <c r="E15" s="7">
        <v>1557136339.99</v>
      </c>
      <c r="F15" s="7">
        <v>21.36</v>
      </c>
      <c r="G15" s="7">
        <v>7886558236.8199997</v>
      </c>
      <c r="H15" s="7">
        <v>108.17</v>
      </c>
      <c r="I15" s="7">
        <v>-595503236.82000005</v>
      </c>
    </row>
    <row r="16" spans="1:12" x14ac:dyDescent="0.25">
      <c r="A16" s="2" t="s">
        <v>24</v>
      </c>
      <c r="B16" s="4" t="s">
        <v>25</v>
      </c>
      <c r="C16" s="7">
        <v>256269200</v>
      </c>
      <c r="D16" s="7">
        <v>258026400</v>
      </c>
      <c r="E16" s="7">
        <v>53179075.479999997</v>
      </c>
      <c r="F16" s="7">
        <v>20.61</v>
      </c>
      <c r="G16" s="7">
        <v>261151177</v>
      </c>
      <c r="H16" s="7">
        <v>101.21</v>
      </c>
      <c r="I16" s="7">
        <v>-3124777</v>
      </c>
    </row>
    <row r="17" spans="1:9" x14ac:dyDescent="0.25">
      <c r="A17" s="2" t="s">
        <v>26</v>
      </c>
      <c r="B17" s="4" t="s">
        <v>27</v>
      </c>
      <c r="C17" s="7">
        <v>0</v>
      </c>
      <c r="D17" s="7">
        <v>0</v>
      </c>
      <c r="E17" s="7">
        <v>0</v>
      </c>
      <c r="F17" s="7">
        <v>0</v>
      </c>
      <c r="G17" s="7">
        <v>0</v>
      </c>
      <c r="H17" s="7">
        <v>0</v>
      </c>
      <c r="I17" s="7">
        <v>0</v>
      </c>
    </row>
    <row r="18" spans="1:9" x14ac:dyDescent="0.25">
      <c r="A18" s="3" t="s">
        <v>28</v>
      </c>
      <c r="B18" s="5" t="s">
        <v>29</v>
      </c>
      <c r="C18" s="6">
        <v>742510800</v>
      </c>
      <c r="D18" s="6">
        <v>764125800</v>
      </c>
      <c r="E18" s="6">
        <v>196933946.52000001</v>
      </c>
      <c r="F18" s="6">
        <v>25.77</v>
      </c>
      <c r="G18" s="6">
        <v>645150087.24000001</v>
      </c>
      <c r="H18" s="6">
        <v>84.43</v>
      </c>
      <c r="I18" s="6">
        <v>118975712.76000001</v>
      </c>
    </row>
    <row r="19" spans="1:9" x14ac:dyDescent="0.25">
      <c r="A19" s="2" t="s">
        <v>30</v>
      </c>
      <c r="B19" s="4" t="s">
        <v>31</v>
      </c>
      <c r="C19" s="7">
        <v>742510800</v>
      </c>
      <c r="D19" s="7">
        <v>764125800</v>
      </c>
      <c r="E19" s="7">
        <v>196933946.52000001</v>
      </c>
      <c r="F19" s="7">
        <v>25.77</v>
      </c>
      <c r="G19" s="7">
        <v>645150087.24000001</v>
      </c>
      <c r="H19" s="7">
        <v>84.43</v>
      </c>
      <c r="I19" s="7">
        <v>118975712.76000001</v>
      </c>
    </row>
    <row r="20" spans="1:9" x14ac:dyDescent="0.25">
      <c r="A20" s="2" t="s">
        <v>32</v>
      </c>
      <c r="B20" s="4" t="s">
        <v>33</v>
      </c>
      <c r="C20" s="7">
        <v>0</v>
      </c>
      <c r="D20" s="7">
        <v>0</v>
      </c>
      <c r="E20" s="7">
        <v>0</v>
      </c>
      <c r="F20" s="7">
        <v>0</v>
      </c>
      <c r="G20" s="7">
        <v>0</v>
      </c>
      <c r="H20" s="7">
        <v>0</v>
      </c>
      <c r="I20" s="7">
        <v>0</v>
      </c>
    </row>
    <row r="21" spans="1:9" x14ac:dyDescent="0.25">
      <c r="A21" s="2" t="s">
        <v>34</v>
      </c>
      <c r="B21" s="4" t="s">
        <v>35</v>
      </c>
      <c r="C21" s="7">
        <v>0</v>
      </c>
      <c r="D21" s="7">
        <v>0</v>
      </c>
      <c r="E21" s="7">
        <v>0</v>
      </c>
      <c r="F21" s="7">
        <v>0</v>
      </c>
      <c r="G21" s="7">
        <v>0</v>
      </c>
      <c r="H21" s="7">
        <v>0</v>
      </c>
      <c r="I21" s="7">
        <v>0</v>
      </c>
    </row>
    <row r="22" spans="1:9" x14ac:dyDescent="0.25">
      <c r="A22" s="2" t="s">
        <v>36</v>
      </c>
      <c r="B22" s="4" t="s">
        <v>37</v>
      </c>
      <c r="C22" s="7">
        <v>0</v>
      </c>
      <c r="D22" s="7">
        <v>0</v>
      </c>
      <c r="E22" s="7">
        <v>0</v>
      </c>
      <c r="F22" s="7">
        <v>0</v>
      </c>
      <c r="G22" s="7">
        <v>0</v>
      </c>
      <c r="H22" s="7">
        <v>0</v>
      </c>
      <c r="I22" s="7">
        <v>0</v>
      </c>
    </row>
    <row r="23" spans="1:9" x14ac:dyDescent="0.25">
      <c r="A23" s="3" t="s">
        <v>38</v>
      </c>
      <c r="B23" s="5" t="s">
        <v>39</v>
      </c>
      <c r="C23" s="6">
        <v>108933500</v>
      </c>
      <c r="D23" s="6">
        <v>115931602.76000001</v>
      </c>
      <c r="E23" s="6">
        <v>22259064.789999999</v>
      </c>
      <c r="F23" s="6">
        <v>19.2</v>
      </c>
      <c r="G23" s="6">
        <v>212659743.19</v>
      </c>
      <c r="H23" s="6">
        <v>183.44</v>
      </c>
      <c r="I23" s="6">
        <v>-96728140.430000007</v>
      </c>
    </row>
    <row r="24" spans="1:9" x14ac:dyDescent="0.25">
      <c r="A24" s="2" t="s">
        <v>40</v>
      </c>
      <c r="B24" s="4" t="s">
        <v>41</v>
      </c>
      <c r="C24" s="7">
        <v>1786200</v>
      </c>
      <c r="D24" s="7">
        <v>1786200</v>
      </c>
      <c r="E24" s="7">
        <v>157096.34</v>
      </c>
      <c r="F24" s="7">
        <v>8.8000000000000007</v>
      </c>
      <c r="G24" s="7">
        <v>1335956.79</v>
      </c>
      <c r="H24" s="7">
        <v>74.790000000000006</v>
      </c>
      <c r="I24" s="7">
        <v>450243.21</v>
      </c>
    </row>
    <row r="25" spans="1:9" x14ac:dyDescent="0.25">
      <c r="A25" s="2" t="s">
        <v>42</v>
      </c>
      <c r="B25" s="4" t="s">
        <v>43</v>
      </c>
      <c r="C25" s="7">
        <v>65596100</v>
      </c>
      <c r="D25" s="7">
        <v>65647202.759999998</v>
      </c>
      <c r="E25" s="7">
        <v>6959077.2999999998</v>
      </c>
      <c r="F25" s="7">
        <v>10.6</v>
      </c>
      <c r="G25" s="7">
        <v>47276114.289999999</v>
      </c>
      <c r="H25" s="7">
        <v>72.02</v>
      </c>
      <c r="I25" s="7">
        <v>18371088.469999999</v>
      </c>
    </row>
    <row r="26" spans="1:9" x14ac:dyDescent="0.25">
      <c r="A26" s="2" t="s">
        <v>44</v>
      </c>
      <c r="B26" s="4" t="s">
        <v>45</v>
      </c>
      <c r="C26" s="7">
        <v>0</v>
      </c>
      <c r="D26" s="7">
        <v>0</v>
      </c>
      <c r="E26" s="7">
        <v>491760.95</v>
      </c>
      <c r="F26" s="7">
        <v>0</v>
      </c>
      <c r="G26" s="7">
        <v>116614000.14</v>
      </c>
      <c r="H26" s="7">
        <v>0</v>
      </c>
      <c r="I26" s="7">
        <v>-116614000.14</v>
      </c>
    </row>
    <row r="27" spans="1:9" x14ac:dyDescent="0.25">
      <c r="A27" s="2" t="s">
        <v>46</v>
      </c>
      <c r="B27" s="4" t="s">
        <v>47</v>
      </c>
      <c r="C27" s="7">
        <v>25384000</v>
      </c>
      <c r="D27" s="7">
        <v>32331000</v>
      </c>
      <c r="E27" s="7">
        <v>778123.64</v>
      </c>
      <c r="F27" s="7">
        <v>2.41</v>
      </c>
      <c r="G27" s="7">
        <v>16622749.060000001</v>
      </c>
      <c r="H27" s="7">
        <v>51.41</v>
      </c>
      <c r="I27" s="7">
        <v>15708250.939999999</v>
      </c>
    </row>
    <row r="28" spans="1:9" x14ac:dyDescent="0.25">
      <c r="A28" s="2" t="s">
        <v>48</v>
      </c>
      <c r="B28" s="4" t="s">
        <v>49</v>
      </c>
      <c r="C28" s="7">
        <v>0</v>
      </c>
      <c r="D28" s="7">
        <v>0</v>
      </c>
      <c r="E28" s="7">
        <v>0</v>
      </c>
      <c r="F28" s="7">
        <v>0</v>
      </c>
      <c r="G28" s="7">
        <v>0</v>
      </c>
      <c r="H28" s="7">
        <v>0</v>
      </c>
      <c r="I28" s="7">
        <v>0</v>
      </c>
    </row>
    <row r="29" spans="1:9" x14ac:dyDescent="0.25">
      <c r="A29" s="2" t="s">
        <v>50</v>
      </c>
      <c r="B29" s="4" t="s">
        <v>51</v>
      </c>
      <c r="C29" s="7">
        <v>16167200</v>
      </c>
      <c r="D29" s="7">
        <v>16167200</v>
      </c>
      <c r="E29" s="7">
        <v>13873006.560000001</v>
      </c>
      <c r="F29" s="7">
        <v>85.81</v>
      </c>
      <c r="G29" s="7">
        <v>30810922.91</v>
      </c>
      <c r="H29" s="7">
        <v>190.58</v>
      </c>
      <c r="I29" s="7">
        <v>-14643722.91</v>
      </c>
    </row>
    <row r="30" spans="1:9" x14ac:dyDescent="0.25">
      <c r="A30" s="2" t="s">
        <v>52</v>
      </c>
      <c r="B30" s="4" t="s">
        <v>53</v>
      </c>
      <c r="C30" s="7">
        <v>0</v>
      </c>
      <c r="D30" s="7">
        <v>0</v>
      </c>
      <c r="E30" s="7">
        <v>0</v>
      </c>
      <c r="F30" s="7">
        <v>0</v>
      </c>
      <c r="G30" s="7">
        <v>0</v>
      </c>
      <c r="H30" s="7">
        <v>0</v>
      </c>
      <c r="I30" s="7">
        <v>0</v>
      </c>
    </row>
    <row r="31" spans="1:9" x14ac:dyDescent="0.25">
      <c r="A31" s="2" t="s">
        <v>54</v>
      </c>
      <c r="B31" s="4" t="s">
        <v>55</v>
      </c>
      <c r="C31" s="7">
        <v>0</v>
      </c>
      <c r="D31" s="7">
        <v>0</v>
      </c>
      <c r="E31" s="7">
        <v>0</v>
      </c>
      <c r="F31" s="7">
        <v>0</v>
      </c>
      <c r="G31" s="7">
        <v>0</v>
      </c>
      <c r="H31" s="7">
        <v>0</v>
      </c>
      <c r="I31" s="7">
        <v>0</v>
      </c>
    </row>
    <row r="32" spans="1:9" x14ac:dyDescent="0.25">
      <c r="A32" s="2" t="s">
        <v>56</v>
      </c>
      <c r="B32" s="4" t="s">
        <v>57</v>
      </c>
      <c r="C32" s="7">
        <v>0</v>
      </c>
      <c r="D32" s="7">
        <v>0</v>
      </c>
      <c r="E32" s="7">
        <v>0</v>
      </c>
      <c r="F32" s="7">
        <v>0</v>
      </c>
      <c r="G32" s="7">
        <v>0</v>
      </c>
      <c r="H32" s="7">
        <v>0</v>
      </c>
      <c r="I32" s="7">
        <v>0</v>
      </c>
    </row>
    <row r="33" spans="1:9" x14ac:dyDescent="0.25">
      <c r="A33" s="3" t="s">
        <v>58</v>
      </c>
      <c r="B33" s="5" t="s">
        <v>59</v>
      </c>
      <c r="C33" s="6">
        <v>817495900</v>
      </c>
      <c r="D33" s="6">
        <v>848627900</v>
      </c>
      <c r="E33" s="6">
        <v>171984527.94</v>
      </c>
      <c r="F33" s="6">
        <v>20.27</v>
      </c>
      <c r="G33" s="6">
        <v>888465798.24000001</v>
      </c>
      <c r="H33" s="6">
        <v>104.69</v>
      </c>
      <c r="I33" s="6">
        <v>-39837898.240000002</v>
      </c>
    </row>
    <row r="34" spans="1:9" x14ac:dyDescent="0.25">
      <c r="A34" s="2" t="s">
        <v>60</v>
      </c>
      <c r="B34" s="4" t="s">
        <v>61</v>
      </c>
      <c r="C34" s="7">
        <v>741734800</v>
      </c>
      <c r="D34" s="7">
        <v>772866800</v>
      </c>
      <c r="E34" s="7">
        <v>153905035.69</v>
      </c>
      <c r="F34" s="7">
        <v>19.91</v>
      </c>
      <c r="G34" s="7">
        <v>809027056.09000003</v>
      </c>
      <c r="H34" s="7">
        <v>104.68</v>
      </c>
      <c r="I34" s="7">
        <v>-36160256.090000004</v>
      </c>
    </row>
    <row r="35" spans="1:9" x14ac:dyDescent="0.25">
      <c r="A35" s="2" t="s">
        <v>62</v>
      </c>
      <c r="B35" s="4" t="s">
        <v>63</v>
      </c>
      <c r="C35" s="7">
        <v>2299700</v>
      </c>
      <c r="D35" s="7">
        <v>2299700</v>
      </c>
      <c r="E35" s="7">
        <v>0</v>
      </c>
      <c r="F35" s="7">
        <v>0</v>
      </c>
      <c r="G35" s="7">
        <v>0</v>
      </c>
      <c r="H35" s="7">
        <v>0</v>
      </c>
      <c r="I35" s="7">
        <v>2299700</v>
      </c>
    </row>
    <row r="36" spans="1:9" x14ac:dyDescent="0.25">
      <c r="A36" s="2" t="s">
        <v>64</v>
      </c>
      <c r="B36" s="4" t="s">
        <v>65</v>
      </c>
      <c r="C36" s="7">
        <v>65051400</v>
      </c>
      <c r="D36" s="7">
        <v>65051400</v>
      </c>
      <c r="E36" s="7">
        <v>16832417.100000001</v>
      </c>
      <c r="F36" s="7">
        <v>25.88</v>
      </c>
      <c r="G36" s="7">
        <v>71093105.709999993</v>
      </c>
      <c r="H36" s="7">
        <v>109.29</v>
      </c>
      <c r="I36" s="7">
        <v>-6041705.71</v>
      </c>
    </row>
    <row r="37" spans="1:9" x14ac:dyDescent="0.25">
      <c r="A37" s="2" t="s">
        <v>66</v>
      </c>
      <c r="B37" s="4" t="s">
        <v>67</v>
      </c>
      <c r="C37" s="7">
        <v>0</v>
      </c>
      <c r="D37" s="7">
        <v>0</v>
      </c>
      <c r="E37" s="7">
        <v>0</v>
      </c>
      <c r="F37" s="7">
        <v>0</v>
      </c>
      <c r="G37" s="7">
        <v>0</v>
      </c>
      <c r="H37" s="7">
        <v>0</v>
      </c>
      <c r="I37" s="7">
        <v>0</v>
      </c>
    </row>
    <row r="38" spans="1:9" x14ac:dyDescent="0.25">
      <c r="A38" s="2" t="s">
        <v>68</v>
      </c>
      <c r="B38" s="4" t="s">
        <v>69</v>
      </c>
      <c r="C38" s="7">
        <v>8410000</v>
      </c>
      <c r="D38" s="7">
        <v>8410000</v>
      </c>
      <c r="E38" s="7">
        <v>1247075.1499999999</v>
      </c>
      <c r="F38" s="7">
        <v>14.83</v>
      </c>
      <c r="G38" s="7">
        <v>8345636.4400000004</v>
      </c>
      <c r="H38" s="7">
        <v>99.23</v>
      </c>
      <c r="I38" s="7">
        <v>64363.56</v>
      </c>
    </row>
    <row r="39" spans="1:9" x14ac:dyDescent="0.25">
      <c r="A39" s="3" t="s">
        <v>70</v>
      </c>
      <c r="B39" s="5" t="s">
        <v>71</v>
      </c>
      <c r="C39" s="6">
        <v>3626413800</v>
      </c>
      <c r="D39" s="6">
        <v>3875596879.02</v>
      </c>
      <c r="E39" s="6">
        <v>885050797.92999995</v>
      </c>
      <c r="F39" s="6">
        <v>22.84</v>
      </c>
      <c r="G39" s="6">
        <v>5124886156.8100004</v>
      </c>
      <c r="H39" s="6">
        <v>132.22999999999999</v>
      </c>
      <c r="I39" s="6">
        <v>-1249289277.79</v>
      </c>
    </row>
    <row r="40" spans="1:9" x14ac:dyDescent="0.25">
      <c r="A40" s="2" t="s">
        <v>72</v>
      </c>
      <c r="B40" s="4" t="s">
        <v>73</v>
      </c>
      <c r="C40" s="7">
        <v>1546629500</v>
      </c>
      <c r="D40" s="7">
        <v>1680762579.02</v>
      </c>
      <c r="E40" s="7">
        <v>387942474.57999998</v>
      </c>
      <c r="F40" s="7">
        <v>23.08</v>
      </c>
      <c r="G40" s="7">
        <v>2352502372.6300001</v>
      </c>
      <c r="H40" s="7">
        <v>139.97</v>
      </c>
      <c r="I40" s="7">
        <v>-671739793.61000001</v>
      </c>
    </row>
    <row r="41" spans="1:9" x14ac:dyDescent="0.25">
      <c r="A41" s="2" t="s">
        <v>74</v>
      </c>
      <c r="B41" s="4" t="s">
        <v>75</v>
      </c>
      <c r="C41" s="7">
        <v>0</v>
      </c>
      <c r="D41" s="7">
        <v>0</v>
      </c>
      <c r="E41" s="7">
        <v>0</v>
      </c>
      <c r="F41" s="7">
        <v>0</v>
      </c>
      <c r="G41" s="7">
        <v>0</v>
      </c>
      <c r="H41" s="7">
        <v>0</v>
      </c>
      <c r="I41" s="7">
        <v>0</v>
      </c>
    </row>
    <row r="42" spans="1:9" x14ac:dyDescent="0.25">
      <c r="A42" s="2" t="s">
        <v>76</v>
      </c>
      <c r="B42" s="4" t="s">
        <v>77</v>
      </c>
      <c r="C42" s="7">
        <v>79000</v>
      </c>
      <c r="D42" s="7">
        <v>129000</v>
      </c>
      <c r="E42" s="7">
        <v>213961.14</v>
      </c>
      <c r="F42" s="7">
        <v>165.86</v>
      </c>
      <c r="G42" s="7">
        <v>2439196.66</v>
      </c>
      <c r="H42" s="7">
        <v>1890.85</v>
      </c>
      <c r="I42" s="7">
        <v>-2310196.66</v>
      </c>
    </row>
    <row r="43" spans="1:9" x14ac:dyDescent="0.25">
      <c r="A43" s="2" t="s">
        <v>78</v>
      </c>
      <c r="B43" s="4" t="s">
        <v>79</v>
      </c>
      <c r="C43" s="7">
        <v>913935800</v>
      </c>
      <c r="D43" s="7">
        <v>1028935800</v>
      </c>
      <c r="E43" s="7">
        <v>276857160.06</v>
      </c>
      <c r="F43" s="7">
        <v>26.91</v>
      </c>
      <c r="G43" s="7">
        <v>1632990815.52</v>
      </c>
      <c r="H43" s="7">
        <v>158.71</v>
      </c>
      <c r="I43" s="7">
        <v>-604055015.51999998</v>
      </c>
    </row>
    <row r="44" spans="1:9" x14ac:dyDescent="0.25">
      <c r="A44" s="2" t="s">
        <v>80</v>
      </c>
      <c r="B44" s="4" t="s">
        <v>81</v>
      </c>
      <c r="C44" s="7">
        <v>1162234200</v>
      </c>
      <c r="D44" s="7">
        <v>1162234200</v>
      </c>
      <c r="E44" s="7">
        <v>220037202.15000001</v>
      </c>
      <c r="F44" s="7">
        <v>18.93</v>
      </c>
      <c r="G44" s="7">
        <v>1136953772</v>
      </c>
      <c r="H44" s="7">
        <v>97.82</v>
      </c>
      <c r="I44" s="7">
        <v>25280428</v>
      </c>
    </row>
    <row r="45" spans="1:9" x14ac:dyDescent="0.25">
      <c r="A45" s="2" t="s">
        <v>82</v>
      </c>
      <c r="B45" s="4" t="s">
        <v>83</v>
      </c>
      <c r="C45" s="7">
        <v>1282900</v>
      </c>
      <c r="D45" s="7">
        <v>1282900</v>
      </c>
      <c r="E45" s="7">
        <v>0</v>
      </c>
      <c r="F45" s="7">
        <v>0</v>
      </c>
      <c r="G45" s="7">
        <v>0</v>
      </c>
      <c r="H45" s="7">
        <v>0</v>
      </c>
      <c r="I45" s="7">
        <v>1282900</v>
      </c>
    </row>
    <row r="46" spans="1:9" x14ac:dyDescent="0.25">
      <c r="A46" s="2" t="s">
        <v>84</v>
      </c>
      <c r="B46" s="4" t="s">
        <v>85</v>
      </c>
      <c r="C46" s="7">
        <v>2252400</v>
      </c>
      <c r="D46" s="7">
        <v>2252400</v>
      </c>
      <c r="E46" s="7">
        <v>0</v>
      </c>
      <c r="F46" s="7">
        <v>0</v>
      </c>
      <c r="G46" s="7">
        <v>0</v>
      </c>
      <c r="H46" s="7">
        <v>0</v>
      </c>
      <c r="I46" s="7">
        <v>2252400</v>
      </c>
    </row>
    <row r="47" spans="1:9" x14ac:dyDescent="0.25">
      <c r="A47" s="2" t="s">
        <v>86</v>
      </c>
      <c r="B47" s="4" t="s">
        <v>87</v>
      </c>
      <c r="C47" s="7">
        <v>0</v>
      </c>
      <c r="D47" s="7">
        <v>0</v>
      </c>
      <c r="E47" s="7">
        <v>0</v>
      </c>
      <c r="F47" s="7">
        <v>0</v>
      </c>
      <c r="G47" s="7">
        <v>0</v>
      </c>
      <c r="H47" s="7">
        <v>0</v>
      </c>
      <c r="I47" s="7">
        <v>0</v>
      </c>
    </row>
    <row r="48" spans="1:9" x14ac:dyDescent="0.25">
      <c r="A48" s="3" t="s">
        <v>88</v>
      </c>
      <c r="B48" s="5" t="s">
        <v>89</v>
      </c>
      <c r="C48" s="6">
        <v>67258300</v>
      </c>
      <c r="D48" s="6">
        <v>68317018</v>
      </c>
      <c r="E48" s="6">
        <v>43535449.07</v>
      </c>
      <c r="F48" s="6">
        <v>63.73</v>
      </c>
      <c r="G48" s="6">
        <v>113239047.59999999</v>
      </c>
      <c r="H48" s="6">
        <v>165.76</v>
      </c>
      <c r="I48" s="6">
        <v>-44922029.600000001</v>
      </c>
    </row>
    <row r="49" spans="1:9" x14ac:dyDescent="0.25">
      <c r="A49" s="2" t="s">
        <v>90</v>
      </c>
      <c r="B49" s="4" t="s">
        <v>91</v>
      </c>
      <c r="C49" s="7">
        <v>39299300</v>
      </c>
      <c r="D49" s="7">
        <v>39299300</v>
      </c>
      <c r="E49" s="7">
        <v>4793850.7300000004</v>
      </c>
      <c r="F49" s="7">
        <v>12.2</v>
      </c>
      <c r="G49" s="7">
        <v>33352097.809999999</v>
      </c>
      <c r="H49" s="7">
        <v>84.87</v>
      </c>
      <c r="I49" s="7">
        <v>5947202.1900000004</v>
      </c>
    </row>
    <row r="50" spans="1:9" x14ac:dyDescent="0.25">
      <c r="A50" s="2" t="s">
        <v>92</v>
      </c>
      <c r="B50" s="4" t="s">
        <v>93</v>
      </c>
      <c r="C50" s="7">
        <v>16284200</v>
      </c>
      <c r="D50" s="7">
        <v>16284200</v>
      </c>
      <c r="E50" s="7">
        <v>21265328.949999999</v>
      </c>
      <c r="F50" s="7">
        <v>130.59</v>
      </c>
      <c r="G50" s="7">
        <v>34392912.770000003</v>
      </c>
      <c r="H50" s="7">
        <v>211.2</v>
      </c>
      <c r="I50" s="7">
        <v>-18108712.77</v>
      </c>
    </row>
    <row r="51" spans="1:9" x14ac:dyDescent="0.25">
      <c r="A51" s="2" t="s">
        <v>94</v>
      </c>
      <c r="B51" s="4" t="s">
        <v>95</v>
      </c>
      <c r="C51" s="7">
        <v>0</v>
      </c>
      <c r="D51" s="7">
        <v>0</v>
      </c>
      <c r="E51" s="7">
        <v>0</v>
      </c>
      <c r="F51" s="7">
        <v>0</v>
      </c>
      <c r="G51" s="7">
        <v>0</v>
      </c>
      <c r="H51" s="7">
        <v>0</v>
      </c>
      <c r="I51" s="7">
        <v>0</v>
      </c>
    </row>
    <row r="52" spans="1:9" x14ac:dyDescent="0.25">
      <c r="A52" s="2" t="s">
        <v>96</v>
      </c>
      <c r="B52" s="4" t="s">
        <v>97</v>
      </c>
      <c r="C52" s="7">
        <v>11674800</v>
      </c>
      <c r="D52" s="7">
        <v>12733518</v>
      </c>
      <c r="E52" s="7">
        <v>17476269.390000001</v>
      </c>
      <c r="F52" s="7">
        <v>137.25</v>
      </c>
      <c r="G52" s="7">
        <v>45494037.020000003</v>
      </c>
      <c r="H52" s="7">
        <v>357.28</v>
      </c>
      <c r="I52" s="7">
        <v>-32760519.02</v>
      </c>
    </row>
    <row r="53" spans="1:9" x14ac:dyDescent="0.25">
      <c r="A53" s="3" t="s">
        <v>98</v>
      </c>
      <c r="B53" s="5" t="s">
        <v>99</v>
      </c>
      <c r="C53" s="6">
        <v>1558974400</v>
      </c>
      <c r="D53" s="6">
        <v>1747127369</v>
      </c>
      <c r="E53" s="6">
        <v>75271481.900000006</v>
      </c>
      <c r="F53" s="6">
        <v>4.3099999999999996</v>
      </c>
      <c r="G53" s="6">
        <v>285482971.56999999</v>
      </c>
      <c r="H53" s="6">
        <v>16.34</v>
      </c>
      <c r="I53" s="6">
        <v>1461644397.4300001</v>
      </c>
    </row>
    <row r="54" spans="1:9" x14ac:dyDescent="0.25">
      <c r="A54" s="3" t="s">
        <v>100</v>
      </c>
      <c r="B54" s="5" t="s">
        <v>101</v>
      </c>
      <c r="C54" s="6">
        <v>23625100</v>
      </c>
      <c r="D54" s="6">
        <v>35003682</v>
      </c>
      <c r="E54" s="6">
        <v>5165850.74</v>
      </c>
      <c r="F54" s="6">
        <v>14.76</v>
      </c>
      <c r="G54" s="6">
        <v>28464213</v>
      </c>
      <c r="H54" s="6">
        <v>81.319999999999993</v>
      </c>
      <c r="I54" s="6">
        <v>6539469</v>
      </c>
    </row>
    <row r="55" spans="1:9" x14ac:dyDescent="0.25">
      <c r="A55" s="2" t="s">
        <v>102</v>
      </c>
      <c r="B55" s="4" t="s">
        <v>103</v>
      </c>
      <c r="C55" s="7">
        <v>0</v>
      </c>
      <c r="D55" s="7">
        <v>11378582</v>
      </c>
      <c r="E55" s="7">
        <v>0</v>
      </c>
      <c r="F55" s="7">
        <v>0</v>
      </c>
      <c r="G55" s="7">
        <v>10233270.83</v>
      </c>
      <c r="H55" s="7">
        <v>89.93</v>
      </c>
      <c r="I55" s="7">
        <v>1145311.17</v>
      </c>
    </row>
    <row r="56" spans="1:9" x14ac:dyDescent="0.25">
      <c r="A56" s="2" t="s">
        <v>104</v>
      </c>
      <c r="B56" s="4" t="s">
        <v>105</v>
      </c>
      <c r="C56" s="7">
        <v>23625100</v>
      </c>
      <c r="D56" s="7">
        <v>23625100</v>
      </c>
      <c r="E56" s="7">
        <v>5165850.74</v>
      </c>
      <c r="F56" s="7">
        <v>21.87</v>
      </c>
      <c r="G56" s="7">
        <v>18230942.170000002</v>
      </c>
      <c r="H56" s="7">
        <v>77.17</v>
      </c>
      <c r="I56" s="7">
        <v>5394157.8300000001</v>
      </c>
    </row>
    <row r="57" spans="1:9" x14ac:dyDescent="0.25">
      <c r="A57" s="3" t="s">
        <v>106</v>
      </c>
      <c r="B57" s="5" t="s">
        <v>107</v>
      </c>
      <c r="C57" s="6">
        <v>5188600</v>
      </c>
      <c r="D57" s="6">
        <v>5188600</v>
      </c>
      <c r="E57" s="6">
        <v>49993.9</v>
      </c>
      <c r="F57" s="6">
        <v>0.96</v>
      </c>
      <c r="G57" s="6">
        <v>817447.4</v>
      </c>
      <c r="H57" s="6">
        <v>15.75</v>
      </c>
      <c r="I57" s="6">
        <v>4371152.5999999996</v>
      </c>
    </row>
    <row r="58" spans="1:9" x14ac:dyDescent="0.25">
      <c r="A58" s="2" t="s">
        <v>108</v>
      </c>
      <c r="B58" s="4" t="s">
        <v>109</v>
      </c>
      <c r="C58" s="7">
        <v>1353400</v>
      </c>
      <c r="D58" s="7">
        <v>1353400</v>
      </c>
      <c r="E58" s="7">
        <v>0</v>
      </c>
      <c r="F58" s="7">
        <v>0</v>
      </c>
      <c r="G58" s="7">
        <v>0</v>
      </c>
      <c r="H58" s="7">
        <v>0</v>
      </c>
      <c r="I58" s="7">
        <v>1353400</v>
      </c>
    </row>
    <row r="59" spans="1:9" x14ac:dyDescent="0.25">
      <c r="A59" s="2" t="s">
        <v>110</v>
      </c>
      <c r="B59" s="4" t="s">
        <v>111</v>
      </c>
      <c r="C59" s="7">
        <v>3835200</v>
      </c>
      <c r="D59" s="7">
        <v>3835200</v>
      </c>
      <c r="E59" s="7">
        <v>49993.9</v>
      </c>
      <c r="F59" s="7">
        <v>1.3</v>
      </c>
      <c r="G59" s="7">
        <v>817447.4</v>
      </c>
      <c r="H59" s="7">
        <v>21.31</v>
      </c>
      <c r="I59" s="7">
        <v>3017752.6</v>
      </c>
    </row>
    <row r="60" spans="1:9" x14ac:dyDescent="0.25">
      <c r="A60" s="2" t="s">
        <v>112</v>
      </c>
      <c r="B60" s="4" t="s">
        <v>113</v>
      </c>
      <c r="C60" s="7">
        <v>0</v>
      </c>
      <c r="D60" s="7">
        <v>0</v>
      </c>
      <c r="E60" s="7">
        <v>0</v>
      </c>
      <c r="F60" s="7">
        <v>0</v>
      </c>
      <c r="G60" s="7">
        <v>0</v>
      </c>
      <c r="H60" s="7">
        <v>0</v>
      </c>
      <c r="I60" s="7">
        <v>0</v>
      </c>
    </row>
    <row r="61" spans="1:9" x14ac:dyDescent="0.25">
      <c r="A61" s="2" t="s">
        <v>114</v>
      </c>
      <c r="B61" s="4" t="s">
        <v>115</v>
      </c>
      <c r="C61" s="7">
        <v>5248000</v>
      </c>
      <c r="D61" s="7">
        <v>5248000</v>
      </c>
      <c r="E61" s="7">
        <v>1590132.82</v>
      </c>
      <c r="F61" s="7">
        <v>30.3</v>
      </c>
      <c r="G61" s="7">
        <v>7721882.2800000003</v>
      </c>
      <c r="H61" s="7">
        <v>147.13999999999999</v>
      </c>
      <c r="I61" s="7">
        <v>-2473882.2799999998</v>
      </c>
    </row>
    <row r="62" spans="1:9" x14ac:dyDescent="0.25">
      <c r="A62" s="3" t="s">
        <v>116</v>
      </c>
      <c r="B62" s="5" t="s">
        <v>117</v>
      </c>
      <c r="C62" s="6">
        <v>900167600</v>
      </c>
      <c r="D62" s="6">
        <v>1076941987</v>
      </c>
      <c r="E62" s="6">
        <v>68512804.439999998</v>
      </c>
      <c r="F62" s="6">
        <v>6.36</v>
      </c>
      <c r="G62" s="6">
        <v>248446728.88999999</v>
      </c>
      <c r="H62" s="6">
        <v>23.07</v>
      </c>
      <c r="I62" s="6">
        <v>828495258.11000001</v>
      </c>
    </row>
    <row r="63" spans="1:9" x14ac:dyDescent="0.25">
      <c r="A63" s="2" t="s">
        <v>118</v>
      </c>
      <c r="B63" s="4" t="s">
        <v>73</v>
      </c>
      <c r="C63" s="7">
        <v>424689100</v>
      </c>
      <c r="D63" s="7">
        <v>601413487</v>
      </c>
      <c r="E63" s="7">
        <v>67831339.329999998</v>
      </c>
      <c r="F63" s="7">
        <v>11.28</v>
      </c>
      <c r="G63" s="7">
        <v>238224991.72</v>
      </c>
      <c r="H63" s="7">
        <v>39.61</v>
      </c>
      <c r="I63" s="7">
        <v>363188495.27999997</v>
      </c>
    </row>
    <row r="64" spans="1:9" x14ac:dyDescent="0.25">
      <c r="A64" s="2" t="s">
        <v>119</v>
      </c>
      <c r="B64" s="4" t="s">
        <v>75</v>
      </c>
      <c r="C64" s="7">
        <v>4426900</v>
      </c>
      <c r="D64" s="7">
        <v>4426900</v>
      </c>
      <c r="E64" s="7">
        <v>681465.36</v>
      </c>
      <c r="F64" s="7">
        <v>15.39</v>
      </c>
      <c r="G64" s="7">
        <v>10221737.17</v>
      </c>
      <c r="H64" s="7">
        <v>230.9</v>
      </c>
      <c r="I64" s="7">
        <v>-5794837.1699999999</v>
      </c>
    </row>
    <row r="65" spans="1:9" x14ac:dyDescent="0.25">
      <c r="A65" s="2" t="s">
        <v>120</v>
      </c>
      <c r="B65" s="4" t="s">
        <v>77</v>
      </c>
      <c r="C65" s="7">
        <v>0</v>
      </c>
      <c r="D65" s="7">
        <v>50000</v>
      </c>
      <c r="E65" s="7">
        <v>0</v>
      </c>
      <c r="F65" s="7">
        <v>0</v>
      </c>
      <c r="G65" s="7">
        <v>0</v>
      </c>
      <c r="H65" s="7">
        <v>0</v>
      </c>
      <c r="I65" s="7">
        <v>50000</v>
      </c>
    </row>
    <row r="66" spans="1:9" x14ac:dyDescent="0.25">
      <c r="A66" s="2" t="s">
        <v>121</v>
      </c>
      <c r="B66" s="4" t="s">
        <v>79</v>
      </c>
      <c r="C66" s="7">
        <v>470282200</v>
      </c>
      <c r="D66" s="7">
        <v>470282200</v>
      </c>
      <c r="E66" s="7">
        <v>-0.25</v>
      </c>
      <c r="F66" s="7">
        <v>0</v>
      </c>
      <c r="G66" s="7">
        <v>0</v>
      </c>
      <c r="H66" s="7">
        <v>0</v>
      </c>
      <c r="I66" s="7">
        <v>470282200</v>
      </c>
    </row>
    <row r="67" spans="1:9" x14ac:dyDescent="0.25">
      <c r="A67" s="2" t="s">
        <v>122</v>
      </c>
      <c r="B67" s="4" t="s">
        <v>81</v>
      </c>
      <c r="C67" s="7">
        <v>0</v>
      </c>
      <c r="D67" s="7">
        <v>0</v>
      </c>
      <c r="E67" s="7">
        <v>0</v>
      </c>
      <c r="F67" s="7">
        <v>0</v>
      </c>
      <c r="G67" s="7">
        <v>0</v>
      </c>
      <c r="H67" s="7">
        <v>0</v>
      </c>
      <c r="I67" s="7">
        <v>0</v>
      </c>
    </row>
    <row r="68" spans="1:9" x14ac:dyDescent="0.25">
      <c r="A68" s="2" t="s">
        <v>123</v>
      </c>
      <c r="B68" s="4" t="s">
        <v>83</v>
      </c>
      <c r="C68" s="7">
        <v>247800</v>
      </c>
      <c r="D68" s="7">
        <v>247800</v>
      </c>
      <c r="E68" s="7">
        <v>0</v>
      </c>
      <c r="F68" s="7">
        <v>0</v>
      </c>
      <c r="G68" s="7">
        <v>0</v>
      </c>
      <c r="H68" s="7">
        <v>0</v>
      </c>
      <c r="I68" s="7">
        <v>247800</v>
      </c>
    </row>
    <row r="69" spans="1:9" x14ac:dyDescent="0.25">
      <c r="A69" s="2" t="s">
        <v>124</v>
      </c>
      <c r="B69" s="4" t="s">
        <v>85</v>
      </c>
      <c r="C69" s="7">
        <v>521600</v>
      </c>
      <c r="D69" s="7">
        <v>521600</v>
      </c>
      <c r="E69" s="7">
        <v>0</v>
      </c>
      <c r="F69" s="7">
        <v>0</v>
      </c>
      <c r="G69" s="7">
        <v>0</v>
      </c>
      <c r="H69" s="7">
        <v>0</v>
      </c>
      <c r="I69" s="7">
        <v>521600</v>
      </c>
    </row>
    <row r="70" spans="1:9" x14ac:dyDescent="0.25">
      <c r="A70" s="2" t="s">
        <v>125</v>
      </c>
      <c r="B70" s="4" t="s">
        <v>87</v>
      </c>
      <c r="C70" s="7">
        <v>0</v>
      </c>
      <c r="D70" s="7">
        <v>0</v>
      </c>
      <c r="E70" s="7">
        <v>0</v>
      </c>
      <c r="F70" s="7">
        <v>0</v>
      </c>
      <c r="G70" s="7">
        <v>0</v>
      </c>
      <c r="H70" s="7">
        <v>0</v>
      </c>
      <c r="I70" s="7">
        <v>0</v>
      </c>
    </row>
    <row r="71" spans="1:9" x14ac:dyDescent="0.25">
      <c r="A71" s="3" t="s">
        <v>126</v>
      </c>
      <c r="B71" s="5" t="s">
        <v>127</v>
      </c>
      <c r="C71" s="6">
        <v>624745100</v>
      </c>
      <c r="D71" s="6">
        <v>624745100</v>
      </c>
      <c r="E71" s="6">
        <v>-47300</v>
      </c>
      <c r="F71" s="6">
        <v>-0.01</v>
      </c>
      <c r="G71" s="6">
        <v>32700</v>
      </c>
      <c r="H71" s="6">
        <v>0.01</v>
      </c>
      <c r="I71" s="6">
        <v>624712400</v>
      </c>
    </row>
    <row r="72" spans="1:9" x14ac:dyDescent="0.25">
      <c r="A72" s="2" t="s">
        <v>128</v>
      </c>
      <c r="B72" s="4" t="s">
        <v>129</v>
      </c>
      <c r="C72" s="7">
        <v>0</v>
      </c>
      <c r="D72" s="7">
        <v>0</v>
      </c>
      <c r="E72" s="7">
        <v>0</v>
      </c>
      <c r="F72" s="7">
        <v>0</v>
      </c>
      <c r="G72" s="7">
        <v>0</v>
      </c>
      <c r="H72" s="7">
        <v>0</v>
      </c>
      <c r="I72" s="7">
        <v>0</v>
      </c>
    </row>
    <row r="73" spans="1:9" x14ac:dyDescent="0.25">
      <c r="A73" s="2" t="s">
        <v>130</v>
      </c>
      <c r="B73" s="4" t="s">
        <v>131</v>
      </c>
      <c r="C73" s="7">
        <v>0</v>
      </c>
      <c r="D73" s="7">
        <v>0</v>
      </c>
      <c r="E73" s="7">
        <v>0</v>
      </c>
      <c r="F73" s="7">
        <v>0</v>
      </c>
      <c r="G73" s="7">
        <v>0</v>
      </c>
      <c r="H73" s="7">
        <v>0</v>
      </c>
      <c r="I73" s="7">
        <v>0</v>
      </c>
    </row>
    <row r="74" spans="1:9" x14ac:dyDescent="0.25">
      <c r="A74" s="2" t="s">
        <v>132</v>
      </c>
      <c r="B74" s="4" t="s">
        <v>133</v>
      </c>
      <c r="C74" s="7">
        <v>0</v>
      </c>
      <c r="D74" s="7">
        <v>0</v>
      </c>
      <c r="E74" s="7">
        <v>0</v>
      </c>
      <c r="F74" s="7">
        <v>0</v>
      </c>
      <c r="G74" s="7">
        <v>0</v>
      </c>
      <c r="H74" s="7">
        <v>0</v>
      </c>
      <c r="I74" s="7">
        <v>0</v>
      </c>
    </row>
    <row r="75" spans="1:9" x14ac:dyDescent="0.25">
      <c r="A75" s="2" t="s">
        <v>134</v>
      </c>
      <c r="B75" s="4" t="s">
        <v>135</v>
      </c>
      <c r="C75" s="7">
        <v>624745100</v>
      </c>
      <c r="D75" s="7">
        <v>624745100</v>
      </c>
      <c r="E75" s="7">
        <v>-47300</v>
      </c>
      <c r="F75" s="7">
        <v>-0.01</v>
      </c>
      <c r="G75" s="7">
        <v>32700</v>
      </c>
      <c r="H75" s="7">
        <v>0.01</v>
      </c>
      <c r="I75" s="7">
        <v>624712400</v>
      </c>
    </row>
    <row r="76" spans="1:9" x14ac:dyDescent="0.25">
      <c r="A76" s="2" t="s">
        <v>136</v>
      </c>
      <c r="B76" s="4" t="s">
        <v>137</v>
      </c>
      <c r="C76" s="7">
        <v>1331489100</v>
      </c>
      <c r="D76" s="7">
        <v>2595349100</v>
      </c>
      <c r="E76" s="7">
        <v>443334176</v>
      </c>
      <c r="F76" s="7">
        <v>17.079999999999998</v>
      </c>
      <c r="G76" s="7">
        <v>2138802156.95</v>
      </c>
      <c r="H76" s="7">
        <v>82.41</v>
      </c>
      <c r="I76" s="7">
        <v>456546943.05000001</v>
      </c>
    </row>
    <row r="77" spans="1:9" x14ac:dyDescent="0.25">
      <c r="A77" s="3" t="s">
        <v>138</v>
      </c>
      <c r="B77" s="5" t="s">
        <v>139</v>
      </c>
      <c r="C77" s="6">
        <v>15800400000</v>
      </c>
      <c r="D77" s="6">
        <v>17564157068.779999</v>
      </c>
      <c r="E77" s="6">
        <v>3448684859.6199999</v>
      </c>
      <c r="F77" s="6">
        <v>19.63</v>
      </c>
      <c r="G77" s="6">
        <v>17556395375.419998</v>
      </c>
      <c r="H77" s="6">
        <v>99.96</v>
      </c>
      <c r="I77" s="6">
        <v>7761693.3600000003</v>
      </c>
    </row>
    <row r="78" spans="1:9" x14ac:dyDescent="0.25">
      <c r="A78" s="3" t="s">
        <v>140</v>
      </c>
      <c r="B78" s="5" t="s">
        <v>141</v>
      </c>
      <c r="C78" s="6">
        <v>0</v>
      </c>
      <c r="D78" s="6">
        <v>0</v>
      </c>
      <c r="E78" s="6">
        <v>0</v>
      </c>
      <c r="F78" s="6">
        <v>0</v>
      </c>
      <c r="G78" s="6">
        <v>0</v>
      </c>
      <c r="H78" s="6">
        <v>0</v>
      </c>
      <c r="I78" s="6">
        <v>0</v>
      </c>
    </row>
    <row r="79" spans="1:9" x14ac:dyDescent="0.25">
      <c r="A79" s="3" t="s">
        <v>142</v>
      </c>
      <c r="B79" s="5" t="s">
        <v>143</v>
      </c>
      <c r="C79" s="6">
        <v>0</v>
      </c>
      <c r="D79" s="6">
        <v>0</v>
      </c>
      <c r="E79" s="6">
        <v>0</v>
      </c>
      <c r="F79" s="6">
        <v>0</v>
      </c>
      <c r="G79" s="6">
        <v>0</v>
      </c>
      <c r="H79" s="6">
        <v>0</v>
      </c>
      <c r="I79" s="6">
        <v>0</v>
      </c>
    </row>
    <row r="80" spans="1:9" x14ac:dyDescent="0.25">
      <c r="A80" s="2" t="s">
        <v>144</v>
      </c>
      <c r="B80" s="4" t="s">
        <v>145</v>
      </c>
      <c r="C80" s="7">
        <v>0</v>
      </c>
      <c r="D80" s="7">
        <v>0</v>
      </c>
      <c r="E80" s="7">
        <v>0</v>
      </c>
      <c r="F80" s="7">
        <v>0</v>
      </c>
      <c r="G80" s="7">
        <v>0</v>
      </c>
      <c r="H80" s="7">
        <v>0</v>
      </c>
      <c r="I80" s="7">
        <v>0</v>
      </c>
    </row>
    <row r="81" spans="1:12" x14ac:dyDescent="0.25">
      <c r="A81" s="2" t="s">
        <v>146</v>
      </c>
      <c r="B81" s="4" t="s">
        <v>147</v>
      </c>
      <c r="C81" s="7">
        <v>0</v>
      </c>
      <c r="D81" s="7">
        <v>0</v>
      </c>
      <c r="E81" s="7">
        <v>0</v>
      </c>
      <c r="F81" s="7">
        <v>0</v>
      </c>
      <c r="G81" s="7">
        <v>0</v>
      </c>
      <c r="H81" s="7">
        <v>0</v>
      </c>
      <c r="I81" s="7">
        <v>0</v>
      </c>
    </row>
    <row r="82" spans="1:12" x14ac:dyDescent="0.25">
      <c r="A82" s="3" t="s">
        <v>148</v>
      </c>
      <c r="B82" s="5" t="s">
        <v>149</v>
      </c>
      <c r="C82" s="6">
        <v>0</v>
      </c>
      <c r="D82" s="6">
        <v>0</v>
      </c>
      <c r="E82" s="6">
        <v>0</v>
      </c>
      <c r="F82" s="6">
        <v>0</v>
      </c>
      <c r="G82" s="6">
        <v>0</v>
      </c>
      <c r="H82" s="6">
        <v>0</v>
      </c>
      <c r="I82" s="6">
        <v>0</v>
      </c>
    </row>
    <row r="83" spans="1:12" x14ac:dyDescent="0.25">
      <c r="A83" s="2" t="s">
        <v>150</v>
      </c>
      <c r="B83" s="4" t="s">
        <v>145</v>
      </c>
      <c r="C83" s="7">
        <v>0</v>
      </c>
      <c r="D83" s="7">
        <v>0</v>
      </c>
      <c r="E83" s="7">
        <v>0</v>
      </c>
      <c r="F83" s="7">
        <v>0</v>
      </c>
      <c r="G83" s="7">
        <v>0</v>
      </c>
      <c r="H83" s="7">
        <v>0</v>
      </c>
      <c r="I83" s="7">
        <v>0</v>
      </c>
    </row>
    <row r="84" spans="1:12" x14ac:dyDescent="0.25">
      <c r="A84" s="2" t="s">
        <v>151</v>
      </c>
      <c r="B84" s="4" t="s">
        <v>147</v>
      </c>
      <c r="C84" s="7">
        <v>0</v>
      </c>
      <c r="D84" s="7">
        <v>0</v>
      </c>
      <c r="E84" s="7">
        <v>0</v>
      </c>
      <c r="F84" s="7">
        <v>0</v>
      </c>
      <c r="G84" s="7">
        <v>0</v>
      </c>
      <c r="H84" s="7">
        <v>0</v>
      </c>
      <c r="I84" s="7">
        <v>0</v>
      </c>
    </row>
    <row r="85" spans="1:12" x14ac:dyDescent="0.25">
      <c r="A85" s="3" t="s">
        <v>152</v>
      </c>
      <c r="B85" s="5" t="s">
        <v>153</v>
      </c>
      <c r="C85" s="6">
        <v>15800400000</v>
      </c>
      <c r="D85" s="6">
        <v>17564157068.779999</v>
      </c>
      <c r="E85" s="6">
        <v>3448684859.6199999</v>
      </c>
      <c r="F85" s="6">
        <v>19.63</v>
      </c>
      <c r="G85" s="6">
        <v>17556395375.419998</v>
      </c>
      <c r="H85" s="6">
        <v>99.96</v>
      </c>
      <c r="I85" s="6">
        <v>7761693.3600000003</v>
      </c>
    </row>
    <row r="86" spans="1:12" x14ac:dyDescent="0.25">
      <c r="A86" s="2" t="s">
        <v>154</v>
      </c>
      <c r="B86" s="4" t="s">
        <v>155</v>
      </c>
      <c r="C86" s="7">
        <v>0</v>
      </c>
      <c r="D86" s="7">
        <v>0</v>
      </c>
      <c r="E86" s="7">
        <v>0</v>
      </c>
      <c r="F86" s="7">
        <v>0</v>
      </c>
      <c r="G86" s="7">
        <v>0</v>
      </c>
      <c r="H86" s="7">
        <v>0</v>
      </c>
      <c r="I86" s="7">
        <v>0</v>
      </c>
    </row>
    <row r="87" spans="1:12" x14ac:dyDescent="0.25">
      <c r="A87" s="3" t="s">
        <v>156</v>
      </c>
      <c r="B87" s="5" t="s">
        <v>157</v>
      </c>
      <c r="C87" s="6">
        <v>15800400000</v>
      </c>
      <c r="D87" s="6">
        <v>17564157068.779999</v>
      </c>
      <c r="E87" s="6">
        <v>3448684859.6199999</v>
      </c>
      <c r="F87" s="6">
        <v>19.63</v>
      </c>
      <c r="G87" s="6">
        <v>17556395375.419998</v>
      </c>
      <c r="H87" s="6">
        <v>99.96</v>
      </c>
      <c r="I87" s="6">
        <v>7761693.3600000003</v>
      </c>
    </row>
    <row r="88" spans="1:12" x14ac:dyDescent="0.25">
      <c r="A88" s="3" t="s">
        <v>158</v>
      </c>
      <c r="B88" s="5" t="s">
        <v>159</v>
      </c>
      <c r="C88" s="6">
        <v>0</v>
      </c>
      <c r="D88" s="6">
        <v>276035256.70999998</v>
      </c>
      <c r="E88" s="6">
        <v>0</v>
      </c>
      <c r="F88" s="6">
        <v>0</v>
      </c>
      <c r="G88" s="6">
        <v>276035256.70999998</v>
      </c>
      <c r="H88" s="6">
        <v>100</v>
      </c>
      <c r="I88" s="6">
        <v>0</v>
      </c>
    </row>
    <row r="89" spans="1:12" x14ac:dyDescent="0.25">
      <c r="A89" s="2" t="s">
        <v>160</v>
      </c>
      <c r="B89" s="4" t="s">
        <v>161</v>
      </c>
      <c r="C89" s="7">
        <v>0</v>
      </c>
      <c r="D89" s="7">
        <v>0</v>
      </c>
      <c r="E89" s="7">
        <v>0</v>
      </c>
      <c r="F89" s="7">
        <v>0</v>
      </c>
      <c r="G89" s="7">
        <v>0</v>
      </c>
      <c r="H89" s="7">
        <v>0</v>
      </c>
      <c r="I89" s="7">
        <v>0</v>
      </c>
    </row>
    <row r="90" spans="1:12" x14ac:dyDescent="0.25">
      <c r="A90" s="2" t="s">
        <v>162</v>
      </c>
      <c r="B90" s="4" t="s">
        <v>163</v>
      </c>
      <c r="C90" s="7">
        <v>0</v>
      </c>
      <c r="D90" s="7">
        <v>276035256.70999998</v>
      </c>
      <c r="E90" s="7">
        <v>0</v>
      </c>
      <c r="F90" s="7">
        <v>0</v>
      </c>
      <c r="G90" s="7">
        <v>276035256.70999998</v>
      </c>
      <c r="H90" s="7">
        <v>100</v>
      </c>
      <c r="I90" s="7">
        <v>0</v>
      </c>
    </row>
    <row r="92" spans="1:12" x14ac:dyDescent="0.25">
      <c r="A92" s="8" t="s">
        <v>6</v>
      </c>
      <c r="B92" s="8" t="s">
        <v>164</v>
      </c>
      <c r="C92" s="8" t="s">
        <v>165</v>
      </c>
      <c r="D92" s="8" t="s">
        <v>166</v>
      </c>
      <c r="E92" s="8" t="s">
        <v>167</v>
      </c>
      <c r="F92" s="8" t="s">
        <v>5</v>
      </c>
      <c r="G92" s="8" t="s">
        <v>170</v>
      </c>
      <c r="H92" s="8" t="s">
        <v>171</v>
      </c>
      <c r="I92" s="8" t="s">
        <v>5</v>
      </c>
      <c r="J92" s="8" t="s">
        <v>174</v>
      </c>
      <c r="K92" s="8" t="s">
        <v>175</v>
      </c>
      <c r="L92" s="8" t="s">
        <v>176</v>
      </c>
    </row>
    <row r="93" spans="1:12" x14ac:dyDescent="0.25">
      <c r="A93" s="8" t="s">
        <v>5</v>
      </c>
      <c r="B93" s="8" t="s">
        <v>5</v>
      </c>
      <c r="C93" s="8" t="s">
        <v>5</v>
      </c>
      <c r="D93" s="8" t="s">
        <v>5</v>
      </c>
      <c r="E93" s="1" t="s">
        <v>168</v>
      </c>
      <c r="F93" s="1" t="s">
        <v>169</v>
      </c>
      <c r="G93" s="8" t="s">
        <v>5</v>
      </c>
      <c r="H93" s="1" t="s">
        <v>172</v>
      </c>
      <c r="I93" s="1" t="s">
        <v>173</v>
      </c>
      <c r="J93" s="8" t="s">
        <v>5</v>
      </c>
      <c r="K93" s="8" t="s">
        <v>5</v>
      </c>
      <c r="L93" s="8" t="s">
        <v>5</v>
      </c>
    </row>
    <row r="94" spans="1:12" x14ac:dyDescent="0.25">
      <c r="A94" s="3" t="s">
        <v>177</v>
      </c>
      <c r="B94" s="5" t="s">
        <v>178</v>
      </c>
      <c r="C94" s="6">
        <v>14497115300</v>
      </c>
      <c r="D94" s="6">
        <v>15728994509.620001</v>
      </c>
      <c r="E94" s="6">
        <v>1761211788.03</v>
      </c>
      <c r="F94" s="6">
        <v>13300395946.299999</v>
      </c>
      <c r="G94" s="6">
        <v>2428598563.3200002</v>
      </c>
      <c r="H94" s="6">
        <v>2470699958.5999999</v>
      </c>
      <c r="I94" s="6">
        <v>13019449687.360001</v>
      </c>
      <c r="J94" s="6">
        <v>2709544822.2600002</v>
      </c>
      <c r="K94" s="6">
        <v>12785193856.870001</v>
      </c>
      <c r="L94" s="6">
        <v>280946258.94</v>
      </c>
    </row>
    <row r="95" spans="1:12" x14ac:dyDescent="0.25">
      <c r="A95" s="3" t="s">
        <v>179</v>
      </c>
      <c r="B95" s="5" t="s">
        <v>180</v>
      </c>
      <c r="C95" s="6">
        <v>12265981200</v>
      </c>
      <c r="D95" s="6">
        <v>13644819965.58</v>
      </c>
      <c r="E95" s="6">
        <v>2052740243.0799999</v>
      </c>
      <c r="F95" s="6">
        <v>12159185490.719999</v>
      </c>
      <c r="G95" s="6">
        <v>1485634474.8599999</v>
      </c>
      <c r="H95" s="6">
        <v>2492271247.25</v>
      </c>
      <c r="I95" s="6">
        <v>11968961785.639999</v>
      </c>
      <c r="J95" s="6">
        <v>1675858179.9400001</v>
      </c>
      <c r="K95" s="6">
        <v>11738102850.379999</v>
      </c>
      <c r="L95" s="6">
        <v>190223705.08000001</v>
      </c>
    </row>
    <row r="96" spans="1:12" x14ac:dyDescent="0.25">
      <c r="A96" s="2" t="s">
        <v>181</v>
      </c>
      <c r="B96" s="4" t="s">
        <v>182</v>
      </c>
      <c r="C96" s="7">
        <v>7543264600</v>
      </c>
      <c r="D96" s="7">
        <v>9227967681.8999996</v>
      </c>
      <c r="E96" s="7">
        <v>1428518975.8</v>
      </c>
      <c r="F96" s="7">
        <v>8592964261.2399998</v>
      </c>
      <c r="G96" s="7">
        <v>635003420.65999997</v>
      </c>
      <c r="H96" s="7">
        <v>1671064037.5599999</v>
      </c>
      <c r="I96" s="7">
        <v>8592193213.1299992</v>
      </c>
      <c r="J96" s="7">
        <v>635774468.76999998</v>
      </c>
      <c r="K96" s="7">
        <v>8414779663.6400003</v>
      </c>
      <c r="L96" s="7">
        <v>771048.11</v>
      </c>
    </row>
    <row r="97" spans="1:12" x14ac:dyDescent="0.25">
      <c r="A97" s="2" t="s">
        <v>183</v>
      </c>
      <c r="B97" s="4" t="s">
        <v>184</v>
      </c>
      <c r="C97" s="7">
        <v>514379700</v>
      </c>
      <c r="D97" s="7">
        <v>125572382</v>
      </c>
      <c r="E97" s="7">
        <v>3697136.69</v>
      </c>
      <c r="F97" s="7">
        <v>106938058.62</v>
      </c>
      <c r="G97" s="7">
        <v>18634323.379999999</v>
      </c>
      <c r="H97" s="7">
        <v>4040094.43</v>
      </c>
      <c r="I97" s="7">
        <v>106938058.62</v>
      </c>
      <c r="J97" s="7">
        <v>18634323.379999999</v>
      </c>
      <c r="K97" s="7">
        <v>106908058.62</v>
      </c>
      <c r="L97" s="7">
        <v>0</v>
      </c>
    </row>
    <row r="98" spans="1:12" x14ac:dyDescent="0.25">
      <c r="A98" s="3" t="s">
        <v>185</v>
      </c>
      <c r="B98" s="5" t="s">
        <v>186</v>
      </c>
      <c r="C98" s="6">
        <v>4208336900</v>
      </c>
      <c r="D98" s="6">
        <v>4291279901.6799998</v>
      </c>
      <c r="E98" s="6">
        <v>620524130.59000003</v>
      </c>
      <c r="F98" s="6">
        <v>3459283170.8600001</v>
      </c>
      <c r="G98" s="6">
        <v>831996730.82000005</v>
      </c>
      <c r="H98" s="6">
        <v>817167115.25999999</v>
      </c>
      <c r="I98" s="6">
        <v>3269830513.8899999</v>
      </c>
      <c r="J98" s="6">
        <v>1021449387.79</v>
      </c>
      <c r="K98" s="6">
        <v>3216415128.1199999</v>
      </c>
      <c r="L98" s="6">
        <v>189452656.97</v>
      </c>
    </row>
    <row r="99" spans="1:12" x14ac:dyDescent="0.25">
      <c r="A99" s="2" t="s">
        <v>187</v>
      </c>
      <c r="B99" s="4" t="s">
        <v>188</v>
      </c>
      <c r="C99" s="7">
        <v>168000000</v>
      </c>
      <c r="D99" s="7">
        <v>168000000</v>
      </c>
      <c r="E99" s="7">
        <v>14000000</v>
      </c>
      <c r="F99" s="7">
        <v>168000000</v>
      </c>
      <c r="G99" s="7">
        <v>0</v>
      </c>
      <c r="H99" s="7">
        <v>14000000</v>
      </c>
      <c r="I99" s="7">
        <v>168000000</v>
      </c>
      <c r="J99" s="7">
        <v>0</v>
      </c>
      <c r="K99" s="7">
        <v>168000000</v>
      </c>
      <c r="L99" s="7">
        <v>0</v>
      </c>
    </row>
    <row r="100" spans="1:12" x14ac:dyDescent="0.25">
      <c r="A100" s="2" t="s">
        <v>189</v>
      </c>
      <c r="B100" s="4" t="s">
        <v>190</v>
      </c>
      <c r="C100" s="7">
        <v>4040336900</v>
      </c>
      <c r="D100" s="7">
        <v>4123279901.6799998</v>
      </c>
      <c r="E100" s="7">
        <v>606524130.59000003</v>
      </c>
      <c r="F100" s="7">
        <v>3291283170.8600001</v>
      </c>
      <c r="G100" s="7">
        <v>831996730.82000005</v>
      </c>
      <c r="H100" s="7">
        <v>803167115.25999999</v>
      </c>
      <c r="I100" s="7">
        <v>3101830513.8899999</v>
      </c>
      <c r="J100" s="7">
        <v>1021449387.79</v>
      </c>
      <c r="K100" s="7">
        <v>3048415128.1199999</v>
      </c>
      <c r="L100" s="7">
        <v>189452656.97</v>
      </c>
    </row>
    <row r="101" spans="1:12" x14ac:dyDescent="0.25">
      <c r="A101" s="3" t="s">
        <v>191</v>
      </c>
      <c r="B101" s="5" t="s">
        <v>192</v>
      </c>
      <c r="C101" s="6">
        <v>2103134100</v>
      </c>
      <c r="D101" s="6">
        <v>2083556730.04</v>
      </c>
      <c r="E101" s="6">
        <v>-291528455.05000001</v>
      </c>
      <c r="F101" s="6">
        <v>1141210455.5799999</v>
      </c>
      <c r="G101" s="6">
        <v>942346274.46000004</v>
      </c>
      <c r="H101" s="6">
        <v>-21571288.649999999</v>
      </c>
      <c r="I101" s="6">
        <v>1050487901.72</v>
      </c>
      <c r="J101" s="6">
        <v>1033068828.3200001</v>
      </c>
      <c r="K101" s="6">
        <v>1047091006.49</v>
      </c>
      <c r="L101" s="6">
        <v>90722553.859999999</v>
      </c>
    </row>
    <row r="102" spans="1:12" x14ac:dyDescent="0.25">
      <c r="A102" s="2" t="s">
        <v>193</v>
      </c>
      <c r="B102" s="4" t="s">
        <v>194</v>
      </c>
      <c r="C102" s="7">
        <v>1699782900</v>
      </c>
      <c r="D102" s="7">
        <v>1884599070.04</v>
      </c>
      <c r="E102" s="7">
        <v>-296581140.38</v>
      </c>
      <c r="F102" s="7">
        <v>992198233.58000004</v>
      </c>
      <c r="G102" s="7">
        <v>892400836.46000004</v>
      </c>
      <c r="H102" s="7">
        <v>-31324596.68</v>
      </c>
      <c r="I102" s="7">
        <v>901475679.72000003</v>
      </c>
      <c r="J102" s="7">
        <v>983123390.32000005</v>
      </c>
      <c r="K102" s="7">
        <v>898201118.05999994</v>
      </c>
      <c r="L102" s="7">
        <v>90722553.859999999</v>
      </c>
    </row>
    <row r="103" spans="1:12" x14ac:dyDescent="0.25">
      <c r="A103" s="2" t="s">
        <v>195</v>
      </c>
      <c r="B103" s="4" t="s">
        <v>196</v>
      </c>
      <c r="C103" s="7">
        <v>2053100</v>
      </c>
      <c r="D103" s="7">
        <v>8603742</v>
      </c>
      <c r="E103" s="7">
        <v>-4011340.89</v>
      </c>
      <c r="F103" s="7">
        <v>4266407.5999999996</v>
      </c>
      <c r="G103" s="7">
        <v>4337334.4000000004</v>
      </c>
      <c r="H103" s="7">
        <v>507606.05</v>
      </c>
      <c r="I103" s="7">
        <v>4266407.5999999996</v>
      </c>
      <c r="J103" s="7">
        <v>4337334.4000000004</v>
      </c>
      <c r="K103" s="7">
        <v>4144074.03</v>
      </c>
      <c r="L103" s="7">
        <v>0</v>
      </c>
    </row>
    <row r="104" spans="1:12" x14ac:dyDescent="0.25">
      <c r="A104" s="2" t="s">
        <v>197</v>
      </c>
      <c r="B104" s="4" t="s">
        <v>198</v>
      </c>
      <c r="C104" s="7">
        <v>401298100</v>
      </c>
      <c r="D104" s="7">
        <v>190353918</v>
      </c>
      <c r="E104" s="7">
        <v>9064026.2200000007</v>
      </c>
      <c r="F104" s="7">
        <v>144745814.40000001</v>
      </c>
      <c r="G104" s="7">
        <v>45608103.600000001</v>
      </c>
      <c r="H104" s="7">
        <v>9245701.9800000004</v>
      </c>
      <c r="I104" s="7">
        <v>144745814.40000001</v>
      </c>
      <c r="J104" s="7">
        <v>45608103.600000001</v>
      </c>
      <c r="K104" s="7">
        <v>144745814.40000001</v>
      </c>
      <c r="L104" s="7">
        <v>0</v>
      </c>
    </row>
    <row r="105" spans="1:12" x14ac:dyDescent="0.25">
      <c r="A105" s="2" t="s">
        <v>199</v>
      </c>
      <c r="B105" s="4" t="s">
        <v>200</v>
      </c>
      <c r="C105" s="7">
        <v>128000000</v>
      </c>
      <c r="D105" s="7">
        <v>617814</v>
      </c>
      <c r="E105" s="7">
        <v>0</v>
      </c>
      <c r="F105" s="7">
        <v>0</v>
      </c>
      <c r="G105" s="7">
        <v>617814</v>
      </c>
      <c r="H105" s="7">
        <v>0</v>
      </c>
      <c r="I105" s="7">
        <v>0</v>
      </c>
      <c r="J105" s="7">
        <v>617814</v>
      </c>
      <c r="K105" s="7">
        <v>0</v>
      </c>
      <c r="L105" s="7">
        <v>0</v>
      </c>
    </row>
    <row r="106" spans="1:12" x14ac:dyDescent="0.25">
      <c r="A106" s="2" t="s">
        <v>201</v>
      </c>
      <c r="B106" s="4" t="s">
        <v>202</v>
      </c>
      <c r="C106" s="7">
        <v>1303284700</v>
      </c>
      <c r="D106" s="7">
        <v>2111197815.8699999</v>
      </c>
      <c r="E106" s="7">
        <v>425995929.00999999</v>
      </c>
      <c r="F106" s="7">
        <v>2065078374.8699999</v>
      </c>
      <c r="G106" s="7">
        <v>46119441</v>
      </c>
      <c r="H106" s="7">
        <v>456165461.31</v>
      </c>
      <c r="I106" s="7">
        <v>2065078374.8699999</v>
      </c>
      <c r="J106" s="7">
        <v>46119441</v>
      </c>
      <c r="K106" s="7">
        <v>1984997238.5799999</v>
      </c>
      <c r="L106" s="7">
        <v>0</v>
      </c>
    </row>
    <row r="107" spans="1:12" x14ac:dyDescent="0.25">
      <c r="A107" s="3" t="s">
        <v>203</v>
      </c>
      <c r="B107" s="5" t="s">
        <v>204</v>
      </c>
      <c r="C107" s="6">
        <v>15800400000</v>
      </c>
      <c r="D107" s="6">
        <v>17840192325.490002</v>
      </c>
      <c r="E107" s="6">
        <v>2187207717.04</v>
      </c>
      <c r="F107" s="6">
        <v>15365474321.17</v>
      </c>
      <c r="G107" s="6">
        <v>2474718004.3200002</v>
      </c>
      <c r="H107" s="6">
        <v>2926865419.9099998</v>
      </c>
      <c r="I107" s="6">
        <v>15084528062.23</v>
      </c>
      <c r="J107" s="6">
        <v>2755664263.2600002</v>
      </c>
      <c r="K107" s="6">
        <v>14770191095.450001</v>
      </c>
      <c r="L107" s="6">
        <v>280946258.94</v>
      </c>
    </row>
    <row r="108" spans="1:12" x14ac:dyDescent="0.25">
      <c r="A108" s="3" t="s">
        <v>205</v>
      </c>
      <c r="B108" s="5" t="s">
        <v>206</v>
      </c>
      <c r="C108" s="6">
        <v>0</v>
      </c>
      <c r="D108" s="6">
        <v>0</v>
      </c>
      <c r="E108" s="6">
        <v>0</v>
      </c>
      <c r="F108" s="6">
        <v>0</v>
      </c>
      <c r="G108" s="6">
        <v>0</v>
      </c>
      <c r="H108" s="6">
        <v>0</v>
      </c>
      <c r="I108" s="6">
        <v>0</v>
      </c>
      <c r="J108" s="6">
        <v>0</v>
      </c>
      <c r="K108" s="6">
        <v>0</v>
      </c>
      <c r="L108" s="6">
        <v>0</v>
      </c>
    </row>
    <row r="109" spans="1:12" x14ac:dyDescent="0.25">
      <c r="A109" s="3" t="s">
        <v>207</v>
      </c>
      <c r="B109" s="5" t="s">
        <v>208</v>
      </c>
      <c r="C109" s="6">
        <v>0</v>
      </c>
      <c r="D109" s="6">
        <v>0</v>
      </c>
      <c r="E109" s="6">
        <v>0</v>
      </c>
      <c r="F109" s="6">
        <v>0</v>
      </c>
      <c r="G109" s="6">
        <v>0</v>
      </c>
      <c r="H109" s="6">
        <v>0</v>
      </c>
      <c r="I109" s="6">
        <v>0</v>
      </c>
      <c r="J109" s="6">
        <v>0</v>
      </c>
      <c r="K109" s="6">
        <v>0</v>
      </c>
      <c r="L109" s="6">
        <v>0</v>
      </c>
    </row>
    <row r="110" spans="1:12" x14ac:dyDescent="0.25">
      <c r="A110" s="2" t="s">
        <v>209</v>
      </c>
      <c r="B110" s="4" t="s">
        <v>210</v>
      </c>
      <c r="C110" s="7">
        <v>0</v>
      </c>
      <c r="D110" s="7">
        <v>0</v>
      </c>
      <c r="E110" s="7">
        <v>0</v>
      </c>
      <c r="F110" s="7">
        <v>0</v>
      </c>
      <c r="G110" s="7">
        <v>0</v>
      </c>
      <c r="H110" s="7">
        <v>0</v>
      </c>
      <c r="I110" s="7">
        <v>0</v>
      </c>
      <c r="J110" s="7">
        <v>0</v>
      </c>
      <c r="K110" s="7">
        <v>0</v>
      </c>
      <c r="L110" s="7">
        <v>0</v>
      </c>
    </row>
    <row r="111" spans="1:12" x14ac:dyDescent="0.25">
      <c r="A111" s="2" t="s">
        <v>211</v>
      </c>
      <c r="B111" s="4" t="s">
        <v>212</v>
      </c>
      <c r="C111" s="7">
        <v>0</v>
      </c>
      <c r="D111" s="7">
        <v>0</v>
      </c>
      <c r="E111" s="7">
        <v>0</v>
      </c>
      <c r="F111" s="7">
        <v>0</v>
      </c>
      <c r="G111" s="7">
        <v>0</v>
      </c>
      <c r="H111" s="7">
        <v>0</v>
      </c>
      <c r="I111" s="7">
        <v>0</v>
      </c>
      <c r="J111" s="7">
        <v>0</v>
      </c>
      <c r="K111" s="7">
        <v>0</v>
      </c>
      <c r="L111" s="7">
        <v>0</v>
      </c>
    </row>
    <row r="112" spans="1:12" x14ac:dyDescent="0.25">
      <c r="A112" s="3" t="s">
        <v>213</v>
      </c>
      <c r="B112" s="5" t="s">
        <v>214</v>
      </c>
      <c r="C112" s="6">
        <v>0</v>
      </c>
      <c r="D112" s="6">
        <v>0</v>
      </c>
      <c r="E112" s="6">
        <v>0</v>
      </c>
      <c r="F112" s="6">
        <v>0</v>
      </c>
      <c r="G112" s="6">
        <v>0</v>
      </c>
      <c r="H112" s="6">
        <v>0</v>
      </c>
      <c r="I112" s="6">
        <v>0</v>
      </c>
      <c r="J112" s="6">
        <v>0</v>
      </c>
      <c r="K112" s="6">
        <v>0</v>
      </c>
      <c r="L112" s="6">
        <v>0</v>
      </c>
    </row>
    <row r="113" spans="1:12" x14ac:dyDescent="0.25">
      <c r="A113" s="2" t="s">
        <v>215</v>
      </c>
      <c r="B113" s="4" t="s">
        <v>210</v>
      </c>
      <c r="C113" s="7">
        <v>0</v>
      </c>
      <c r="D113" s="7">
        <v>0</v>
      </c>
      <c r="E113" s="7">
        <v>0</v>
      </c>
      <c r="F113" s="7">
        <v>0</v>
      </c>
      <c r="G113" s="7">
        <v>0</v>
      </c>
      <c r="H113" s="7">
        <v>0</v>
      </c>
      <c r="I113" s="7">
        <v>0</v>
      </c>
      <c r="J113" s="7">
        <v>0</v>
      </c>
      <c r="K113" s="7">
        <v>0</v>
      </c>
      <c r="L113" s="7">
        <v>0</v>
      </c>
    </row>
    <row r="114" spans="1:12" x14ac:dyDescent="0.25">
      <c r="A114" s="2" t="s">
        <v>216</v>
      </c>
      <c r="B114" s="4" t="s">
        <v>212</v>
      </c>
      <c r="C114" s="7">
        <v>0</v>
      </c>
      <c r="D114" s="7">
        <v>0</v>
      </c>
      <c r="E114" s="7">
        <v>0</v>
      </c>
      <c r="F114" s="7">
        <v>0</v>
      </c>
      <c r="G114" s="7">
        <v>0</v>
      </c>
      <c r="H114" s="7">
        <v>0</v>
      </c>
      <c r="I114" s="7">
        <v>0</v>
      </c>
      <c r="J114" s="7">
        <v>0</v>
      </c>
      <c r="K114" s="7">
        <v>0</v>
      </c>
      <c r="L114" s="7">
        <v>0</v>
      </c>
    </row>
    <row r="115" spans="1:12" x14ac:dyDescent="0.25">
      <c r="A115" s="3" t="s">
        <v>217</v>
      </c>
      <c r="B115" s="5" t="s">
        <v>218</v>
      </c>
      <c r="C115" s="6">
        <v>15800400000</v>
      </c>
      <c r="D115" s="6">
        <v>17840192325.490002</v>
      </c>
      <c r="E115" s="6">
        <v>2187207717.04</v>
      </c>
      <c r="F115" s="6">
        <v>15365474321.17</v>
      </c>
      <c r="G115" s="6">
        <v>2474718004.3200002</v>
      </c>
      <c r="H115" s="6">
        <v>2926865419.9099998</v>
      </c>
      <c r="I115" s="6">
        <v>15084528062.23</v>
      </c>
      <c r="J115" s="6">
        <v>2755664263.2600002</v>
      </c>
      <c r="K115" s="6">
        <v>14770191095.450001</v>
      </c>
      <c r="L115" s="6">
        <v>280946258.94</v>
      </c>
    </row>
    <row r="116" spans="1:12" x14ac:dyDescent="0.25">
      <c r="A116" s="2" t="s">
        <v>219</v>
      </c>
      <c r="B116" s="4" t="s">
        <v>220</v>
      </c>
      <c r="C116" s="7">
        <v>0</v>
      </c>
      <c r="D116" s="7">
        <v>0</v>
      </c>
      <c r="E116" s="7">
        <v>0</v>
      </c>
      <c r="F116" s="7">
        <v>2190921054.25</v>
      </c>
      <c r="G116" s="7">
        <v>0</v>
      </c>
      <c r="H116" s="7">
        <v>0</v>
      </c>
      <c r="I116" s="7">
        <v>2471867313.1900001</v>
      </c>
      <c r="J116" s="7">
        <v>0</v>
      </c>
      <c r="K116" s="7">
        <v>2786204279.9699998</v>
      </c>
      <c r="L116" s="7">
        <v>-280946258.94</v>
      </c>
    </row>
    <row r="117" spans="1:12" x14ac:dyDescent="0.25">
      <c r="A117" s="3" t="s">
        <v>221</v>
      </c>
      <c r="B117" s="5" t="s">
        <v>222</v>
      </c>
      <c r="C117" s="6">
        <v>15800400000</v>
      </c>
      <c r="D117" s="6">
        <v>17840192325.490002</v>
      </c>
      <c r="E117" s="6">
        <v>2187207717.04</v>
      </c>
      <c r="F117" s="6">
        <v>17556395375.419998</v>
      </c>
      <c r="G117" s="6">
        <v>2474718004.3200002</v>
      </c>
      <c r="H117" s="6">
        <v>2926865419.9099998</v>
      </c>
      <c r="I117" s="6">
        <v>17556395375.419998</v>
      </c>
      <c r="J117" s="6">
        <v>2755664263.2600002</v>
      </c>
      <c r="K117" s="6">
        <v>17556395375.419998</v>
      </c>
      <c r="L117" s="6">
        <v>0</v>
      </c>
    </row>
    <row r="118" spans="1:12" x14ac:dyDescent="0.25">
      <c r="A118" s="2" t="s">
        <v>223</v>
      </c>
      <c r="B118" s="4" t="s">
        <v>224</v>
      </c>
      <c r="C118" s="7">
        <v>0</v>
      </c>
      <c r="D118" s="7">
        <v>0</v>
      </c>
      <c r="E118" s="7">
        <v>0</v>
      </c>
      <c r="F118" s="7">
        <v>0</v>
      </c>
      <c r="G118" s="7">
        <v>0</v>
      </c>
      <c r="H118" s="7">
        <v>0</v>
      </c>
      <c r="I118" s="7">
        <v>0</v>
      </c>
      <c r="J118" s="7">
        <v>0</v>
      </c>
      <c r="K118" s="7">
        <v>0</v>
      </c>
      <c r="L118" s="7">
        <v>0</v>
      </c>
    </row>
    <row r="120" spans="1:12" x14ac:dyDescent="0.25">
      <c r="A120" s="8" t="s">
        <v>6</v>
      </c>
      <c r="B120" s="8" t="s">
        <v>225</v>
      </c>
      <c r="C120" s="8" t="s">
        <v>8</v>
      </c>
      <c r="D120" s="8" t="s">
        <v>9</v>
      </c>
      <c r="E120" s="8" t="s">
        <v>10</v>
      </c>
      <c r="F120" s="8" t="s">
        <v>5</v>
      </c>
      <c r="G120" s="8" t="s">
        <v>5</v>
      </c>
      <c r="H120" s="8" t="s">
        <v>5</v>
      </c>
      <c r="I120" s="8" t="s">
        <v>15</v>
      </c>
    </row>
    <row r="121" spans="1:12" x14ac:dyDescent="0.25">
      <c r="A121" s="8" t="s">
        <v>5</v>
      </c>
      <c r="B121" s="8" t="s">
        <v>5</v>
      </c>
      <c r="C121" s="8" t="s">
        <v>5</v>
      </c>
      <c r="D121" s="8" t="s">
        <v>5</v>
      </c>
      <c r="E121" s="1" t="s">
        <v>11</v>
      </c>
      <c r="F121" s="1" t="s">
        <v>12</v>
      </c>
      <c r="G121" s="1" t="s">
        <v>13</v>
      </c>
      <c r="H121" s="1" t="s">
        <v>14</v>
      </c>
      <c r="I121" s="8" t="s">
        <v>5</v>
      </c>
    </row>
    <row r="122" spans="1:12" x14ac:dyDescent="0.25">
      <c r="A122" s="3" t="s">
        <v>226</v>
      </c>
      <c r="B122" s="5" t="s">
        <v>227</v>
      </c>
      <c r="C122" s="6">
        <v>1331489100</v>
      </c>
      <c r="D122" s="6">
        <v>2595349100</v>
      </c>
      <c r="E122" s="6">
        <v>443334176</v>
      </c>
      <c r="F122" s="6">
        <v>17.079999999999998</v>
      </c>
      <c r="G122" s="6">
        <v>2138802156.95</v>
      </c>
      <c r="H122" s="6">
        <v>82.41</v>
      </c>
      <c r="I122" s="6">
        <v>456546943.05000001</v>
      </c>
    </row>
    <row r="123" spans="1:12" x14ac:dyDescent="0.25">
      <c r="A123" s="3" t="s">
        <v>228</v>
      </c>
      <c r="B123" s="5" t="s">
        <v>229</v>
      </c>
      <c r="C123" s="6">
        <v>1331489100</v>
      </c>
      <c r="D123" s="6">
        <v>2595349100</v>
      </c>
      <c r="E123" s="6">
        <v>443334176</v>
      </c>
      <c r="F123" s="6">
        <v>17.079999999999998</v>
      </c>
      <c r="G123" s="6">
        <v>2138802156.95</v>
      </c>
      <c r="H123" s="6">
        <v>82.41</v>
      </c>
      <c r="I123" s="6">
        <v>456546943.05000001</v>
      </c>
    </row>
    <row r="124" spans="1:12" x14ac:dyDescent="0.25">
      <c r="A124" s="3" t="s">
        <v>230</v>
      </c>
      <c r="B124" s="5" t="s">
        <v>231</v>
      </c>
      <c r="C124" s="6">
        <v>0</v>
      </c>
      <c r="D124" s="6">
        <v>0</v>
      </c>
      <c r="E124" s="6">
        <v>0</v>
      </c>
      <c r="F124" s="6">
        <v>0</v>
      </c>
      <c r="G124" s="6">
        <v>0</v>
      </c>
      <c r="H124" s="6">
        <v>0</v>
      </c>
      <c r="I124" s="6">
        <v>0</v>
      </c>
    </row>
    <row r="125" spans="1:12" x14ac:dyDescent="0.25">
      <c r="A125" s="2" t="s">
        <v>232</v>
      </c>
      <c r="B125" s="4" t="s">
        <v>233</v>
      </c>
      <c r="C125" s="7">
        <v>0</v>
      </c>
      <c r="D125" s="7">
        <v>0</v>
      </c>
      <c r="E125" s="7">
        <v>0</v>
      </c>
      <c r="F125" s="7">
        <v>0</v>
      </c>
      <c r="G125" s="7">
        <v>0</v>
      </c>
      <c r="H125" s="7">
        <v>0</v>
      </c>
      <c r="I125" s="7">
        <v>0</v>
      </c>
    </row>
    <row r="126" spans="1:12" x14ac:dyDescent="0.25">
      <c r="A126" s="2" t="s">
        <v>234</v>
      </c>
      <c r="B126" s="4" t="s">
        <v>235</v>
      </c>
      <c r="C126" s="7">
        <v>0</v>
      </c>
      <c r="D126" s="7">
        <v>0</v>
      </c>
      <c r="E126" s="7">
        <v>0</v>
      </c>
      <c r="F126" s="7">
        <v>0</v>
      </c>
      <c r="G126" s="7">
        <v>0</v>
      </c>
      <c r="H126" s="7">
        <v>0</v>
      </c>
      <c r="I126" s="7">
        <v>0</v>
      </c>
    </row>
    <row r="127" spans="1:12" x14ac:dyDescent="0.25">
      <c r="A127" s="2" t="s">
        <v>236</v>
      </c>
      <c r="B127" s="4" t="s">
        <v>237</v>
      </c>
      <c r="C127" s="7">
        <v>0</v>
      </c>
      <c r="D127" s="7">
        <v>0</v>
      </c>
      <c r="E127" s="7">
        <v>0</v>
      </c>
      <c r="F127" s="7">
        <v>0</v>
      </c>
      <c r="G127" s="7">
        <v>0</v>
      </c>
      <c r="H127" s="7">
        <v>0</v>
      </c>
      <c r="I127" s="7">
        <v>0</v>
      </c>
    </row>
    <row r="128" spans="1:12" x14ac:dyDescent="0.25">
      <c r="A128" s="3" t="s">
        <v>238</v>
      </c>
      <c r="B128" s="5" t="s">
        <v>239</v>
      </c>
      <c r="C128" s="6">
        <v>875448800</v>
      </c>
      <c r="D128" s="6">
        <v>2139308800</v>
      </c>
      <c r="E128" s="6">
        <v>441701030.64999998</v>
      </c>
      <c r="F128" s="6">
        <v>20.65</v>
      </c>
      <c r="G128" s="6">
        <v>2120673962.23</v>
      </c>
      <c r="H128" s="6">
        <v>99.13</v>
      </c>
      <c r="I128" s="6">
        <v>18634837.77</v>
      </c>
    </row>
    <row r="129" spans="1:9" x14ac:dyDescent="0.25">
      <c r="A129" s="2" t="s">
        <v>240</v>
      </c>
      <c r="B129" s="4" t="s">
        <v>241</v>
      </c>
      <c r="C129" s="7">
        <v>875448800</v>
      </c>
      <c r="D129" s="7">
        <v>2139308800</v>
      </c>
      <c r="E129" s="7">
        <v>441701030.64999998</v>
      </c>
      <c r="F129" s="7">
        <v>20.65</v>
      </c>
      <c r="G129" s="7">
        <v>2120673962.23</v>
      </c>
      <c r="H129" s="7">
        <v>99.13</v>
      </c>
      <c r="I129" s="7">
        <v>18634837.77</v>
      </c>
    </row>
    <row r="130" spans="1:9" x14ac:dyDescent="0.25">
      <c r="A130" s="2" t="s">
        <v>242</v>
      </c>
      <c r="B130" s="4" t="s">
        <v>243</v>
      </c>
      <c r="C130" s="7">
        <v>0</v>
      </c>
      <c r="D130" s="7">
        <v>0</v>
      </c>
      <c r="E130" s="7">
        <v>0</v>
      </c>
      <c r="F130" s="7">
        <v>0</v>
      </c>
      <c r="G130" s="7">
        <v>0</v>
      </c>
      <c r="H130" s="7">
        <v>0</v>
      </c>
      <c r="I130" s="7">
        <v>0</v>
      </c>
    </row>
    <row r="131" spans="1:9" x14ac:dyDescent="0.25">
      <c r="A131" s="2" t="s">
        <v>244</v>
      </c>
      <c r="B131" s="4" t="s">
        <v>245</v>
      </c>
      <c r="C131" s="7">
        <v>0</v>
      </c>
      <c r="D131" s="7">
        <v>0</v>
      </c>
      <c r="E131" s="7">
        <v>0</v>
      </c>
      <c r="F131" s="7">
        <v>0</v>
      </c>
      <c r="G131" s="7">
        <v>0</v>
      </c>
      <c r="H131" s="7">
        <v>0</v>
      </c>
      <c r="I131" s="7">
        <v>0</v>
      </c>
    </row>
    <row r="132" spans="1:9" x14ac:dyDescent="0.25">
      <c r="A132" s="2" t="s">
        <v>246</v>
      </c>
      <c r="B132" s="4" t="s">
        <v>247</v>
      </c>
      <c r="C132" s="7">
        <v>0</v>
      </c>
      <c r="D132" s="7">
        <v>0</v>
      </c>
      <c r="E132" s="7">
        <v>0</v>
      </c>
      <c r="F132" s="7">
        <v>0</v>
      </c>
      <c r="G132" s="7">
        <v>0</v>
      </c>
      <c r="H132" s="7">
        <v>0</v>
      </c>
      <c r="I132" s="7">
        <v>0</v>
      </c>
    </row>
    <row r="133" spans="1:9" x14ac:dyDescent="0.25">
      <c r="A133" s="3" t="s">
        <v>248</v>
      </c>
      <c r="B133" s="5" t="s">
        <v>249</v>
      </c>
      <c r="C133" s="6">
        <v>28204400</v>
      </c>
      <c r="D133" s="6">
        <v>28204400</v>
      </c>
      <c r="E133" s="6">
        <v>1633145.35</v>
      </c>
      <c r="F133" s="6">
        <v>5.79</v>
      </c>
      <c r="G133" s="6">
        <v>18128194.719999999</v>
      </c>
      <c r="H133" s="6">
        <v>64.27</v>
      </c>
      <c r="I133" s="6">
        <v>10076205.279999999</v>
      </c>
    </row>
    <row r="134" spans="1:9" x14ac:dyDescent="0.25">
      <c r="A134" s="2" t="s">
        <v>250</v>
      </c>
      <c r="B134" s="4" t="s">
        <v>251</v>
      </c>
      <c r="C134" s="7">
        <v>0</v>
      </c>
      <c r="D134" s="7">
        <v>0</v>
      </c>
      <c r="E134" s="7">
        <v>22752.36</v>
      </c>
      <c r="F134" s="7">
        <v>0</v>
      </c>
      <c r="G134" s="7">
        <v>98884.36</v>
      </c>
      <c r="H134" s="7">
        <v>0</v>
      </c>
      <c r="I134" s="7">
        <v>-98884.36</v>
      </c>
    </row>
    <row r="135" spans="1:9" x14ac:dyDescent="0.25">
      <c r="A135" s="2" t="s">
        <v>252</v>
      </c>
      <c r="B135" s="4" t="s">
        <v>253</v>
      </c>
      <c r="C135" s="7">
        <v>0</v>
      </c>
      <c r="D135" s="7">
        <v>0</v>
      </c>
      <c r="E135" s="7">
        <v>0</v>
      </c>
      <c r="F135" s="7">
        <v>0</v>
      </c>
      <c r="G135" s="7">
        <v>0</v>
      </c>
      <c r="H135" s="7">
        <v>0</v>
      </c>
      <c r="I135" s="7">
        <v>0</v>
      </c>
    </row>
    <row r="136" spans="1:9" x14ac:dyDescent="0.25">
      <c r="A136" s="2" t="s">
        <v>254</v>
      </c>
      <c r="B136" s="4" t="s">
        <v>255</v>
      </c>
      <c r="C136" s="7">
        <v>0</v>
      </c>
      <c r="D136" s="7">
        <v>0</v>
      </c>
      <c r="E136" s="7">
        <v>0</v>
      </c>
      <c r="F136" s="7">
        <v>0</v>
      </c>
      <c r="G136" s="7">
        <v>0</v>
      </c>
      <c r="H136" s="7">
        <v>0</v>
      </c>
      <c r="I136" s="7">
        <v>0</v>
      </c>
    </row>
    <row r="137" spans="1:9" x14ac:dyDescent="0.25">
      <c r="A137" s="2" t="s">
        <v>256</v>
      </c>
      <c r="B137" s="4" t="s">
        <v>257</v>
      </c>
      <c r="C137" s="7">
        <v>0</v>
      </c>
      <c r="D137" s="7">
        <v>0</v>
      </c>
      <c r="E137" s="7">
        <v>0</v>
      </c>
      <c r="F137" s="7">
        <v>0</v>
      </c>
      <c r="G137" s="7">
        <v>0</v>
      </c>
      <c r="H137" s="7">
        <v>0</v>
      </c>
      <c r="I137" s="7">
        <v>0</v>
      </c>
    </row>
    <row r="138" spans="1:9" x14ac:dyDescent="0.25">
      <c r="A138" s="2" t="s">
        <v>258</v>
      </c>
      <c r="B138" s="4" t="s">
        <v>259</v>
      </c>
      <c r="C138" s="7">
        <v>0</v>
      </c>
      <c r="D138" s="7">
        <v>0</v>
      </c>
      <c r="E138" s="7">
        <v>0</v>
      </c>
      <c r="F138" s="7">
        <v>0</v>
      </c>
      <c r="G138" s="7">
        <v>0</v>
      </c>
      <c r="H138" s="7">
        <v>0</v>
      </c>
      <c r="I138" s="7">
        <v>0</v>
      </c>
    </row>
    <row r="139" spans="1:9" x14ac:dyDescent="0.25">
      <c r="A139" s="2" t="s">
        <v>260</v>
      </c>
      <c r="B139" s="4" t="s">
        <v>261</v>
      </c>
      <c r="C139" s="7">
        <v>28204400</v>
      </c>
      <c r="D139" s="7">
        <v>28204400</v>
      </c>
      <c r="E139" s="7">
        <v>1610392.99</v>
      </c>
      <c r="F139" s="7">
        <v>5.71</v>
      </c>
      <c r="G139" s="7">
        <v>18029310.359999999</v>
      </c>
      <c r="H139" s="7">
        <v>63.92</v>
      </c>
      <c r="I139" s="7">
        <v>10175089.640000001</v>
      </c>
    </row>
    <row r="140" spans="1:9" x14ac:dyDescent="0.25">
      <c r="A140" s="2" t="s">
        <v>262</v>
      </c>
      <c r="B140" s="4" t="s">
        <v>263</v>
      </c>
      <c r="C140" s="7">
        <v>0</v>
      </c>
      <c r="D140" s="7">
        <v>0</v>
      </c>
      <c r="E140" s="7">
        <v>0</v>
      </c>
      <c r="F140" s="7">
        <v>0</v>
      </c>
      <c r="G140" s="7">
        <v>0</v>
      </c>
      <c r="H140" s="7">
        <v>0</v>
      </c>
      <c r="I140" s="7">
        <v>0</v>
      </c>
    </row>
    <row r="141" spans="1:9" x14ac:dyDescent="0.25">
      <c r="A141" s="2" t="s">
        <v>264</v>
      </c>
      <c r="B141" s="4" t="s">
        <v>265</v>
      </c>
      <c r="C141" s="7">
        <v>0</v>
      </c>
      <c r="D141" s="7">
        <v>0</v>
      </c>
      <c r="E141" s="7">
        <v>0</v>
      </c>
      <c r="F141" s="7">
        <v>0</v>
      </c>
      <c r="G141" s="7">
        <v>0</v>
      </c>
      <c r="H141" s="7">
        <v>0</v>
      </c>
      <c r="I141" s="7">
        <v>0</v>
      </c>
    </row>
    <row r="142" spans="1:9" x14ac:dyDescent="0.25">
      <c r="A142" s="2" t="s">
        <v>266</v>
      </c>
      <c r="B142" s="4" t="s">
        <v>267</v>
      </c>
      <c r="C142" s="7">
        <v>0</v>
      </c>
      <c r="D142" s="7">
        <v>0</v>
      </c>
      <c r="E142" s="7">
        <v>0</v>
      </c>
      <c r="F142" s="7">
        <v>0</v>
      </c>
      <c r="G142" s="7">
        <v>0</v>
      </c>
      <c r="H142" s="7">
        <v>0</v>
      </c>
      <c r="I142" s="7">
        <v>0</v>
      </c>
    </row>
    <row r="143" spans="1:9" x14ac:dyDescent="0.25">
      <c r="A143" s="3" t="s">
        <v>268</v>
      </c>
      <c r="B143" s="5" t="s">
        <v>269</v>
      </c>
      <c r="C143" s="6">
        <v>0</v>
      </c>
      <c r="D143" s="6">
        <v>0</v>
      </c>
      <c r="E143" s="6">
        <v>0</v>
      </c>
      <c r="F143" s="6">
        <v>0</v>
      </c>
      <c r="G143" s="6">
        <v>0</v>
      </c>
      <c r="H143" s="6">
        <v>0</v>
      </c>
      <c r="I143" s="6">
        <v>0</v>
      </c>
    </row>
    <row r="144" spans="1:9" x14ac:dyDescent="0.25">
      <c r="A144" s="2" t="s">
        <v>270</v>
      </c>
      <c r="B144" s="4" t="s">
        <v>271</v>
      </c>
      <c r="C144" s="7">
        <v>0</v>
      </c>
      <c r="D144" s="7">
        <v>0</v>
      </c>
      <c r="E144" s="7">
        <v>0</v>
      </c>
      <c r="F144" s="7">
        <v>0</v>
      </c>
      <c r="G144" s="7">
        <v>0</v>
      </c>
      <c r="H144" s="7">
        <v>0</v>
      </c>
      <c r="I144" s="7">
        <v>0</v>
      </c>
    </row>
    <row r="145" spans="1:9" x14ac:dyDescent="0.25">
      <c r="A145" s="2" t="s">
        <v>272</v>
      </c>
      <c r="B145" s="4" t="s">
        <v>273</v>
      </c>
      <c r="C145" s="7">
        <v>0</v>
      </c>
      <c r="D145" s="7">
        <v>0</v>
      </c>
      <c r="E145" s="7">
        <v>0</v>
      </c>
      <c r="F145" s="7">
        <v>0</v>
      </c>
      <c r="G145" s="7">
        <v>0</v>
      </c>
      <c r="H145" s="7">
        <v>0</v>
      </c>
      <c r="I145" s="7">
        <v>0</v>
      </c>
    </row>
    <row r="146" spans="1:9" x14ac:dyDescent="0.25">
      <c r="A146" s="2" t="s">
        <v>274</v>
      </c>
      <c r="B146" s="4" t="s">
        <v>275</v>
      </c>
      <c r="C146" s="7">
        <v>0</v>
      </c>
      <c r="D146" s="7">
        <v>0</v>
      </c>
      <c r="E146" s="7">
        <v>0</v>
      </c>
      <c r="F146" s="7">
        <v>0</v>
      </c>
      <c r="G146" s="7">
        <v>0</v>
      </c>
      <c r="H146" s="7">
        <v>0</v>
      </c>
      <c r="I146" s="7">
        <v>0</v>
      </c>
    </row>
    <row r="147" spans="1:9" x14ac:dyDescent="0.25">
      <c r="A147" s="2" t="s">
        <v>276</v>
      </c>
      <c r="B147" s="4" t="s">
        <v>277</v>
      </c>
      <c r="C147" s="7">
        <v>0</v>
      </c>
      <c r="D147" s="7">
        <v>0</v>
      </c>
      <c r="E147" s="7">
        <v>0</v>
      </c>
      <c r="F147" s="7">
        <v>0</v>
      </c>
      <c r="G147" s="7">
        <v>0</v>
      </c>
      <c r="H147" s="7">
        <v>0</v>
      </c>
      <c r="I147" s="7">
        <v>0</v>
      </c>
    </row>
    <row r="148" spans="1:9" x14ac:dyDescent="0.25">
      <c r="A148" s="2" t="s">
        <v>278</v>
      </c>
      <c r="B148" s="4" t="s">
        <v>279</v>
      </c>
      <c r="C148" s="7">
        <v>0</v>
      </c>
      <c r="D148" s="7">
        <v>0</v>
      </c>
      <c r="E148" s="7">
        <v>0</v>
      </c>
      <c r="F148" s="7">
        <v>0</v>
      </c>
      <c r="G148" s="7">
        <v>0</v>
      </c>
      <c r="H148" s="7">
        <v>0</v>
      </c>
      <c r="I148" s="7">
        <v>0</v>
      </c>
    </row>
    <row r="149" spans="1:9" x14ac:dyDescent="0.25">
      <c r="A149" s="3" t="s">
        <v>280</v>
      </c>
      <c r="B149" s="5" t="s">
        <v>281</v>
      </c>
      <c r="C149" s="6">
        <v>0</v>
      </c>
      <c r="D149" s="6">
        <v>0</v>
      </c>
      <c r="E149" s="6">
        <v>0</v>
      </c>
      <c r="F149" s="6">
        <v>0</v>
      </c>
      <c r="G149" s="6">
        <v>0</v>
      </c>
      <c r="H149" s="6">
        <v>0</v>
      </c>
      <c r="I149" s="6">
        <v>0</v>
      </c>
    </row>
    <row r="150" spans="1:9" x14ac:dyDescent="0.25">
      <c r="A150" s="2" t="s">
        <v>282</v>
      </c>
      <c r="B150" s="4" t="s">
        <v>283</v>
      </c>
      <c r="C150" s="7">
        <v>0</v>
      </c>
      <c r="D150" s="7">
        <v>0</v>
      </c>
      <c r="E150" s="7">
        <v>0</v>
      </c>
      <c r="F150" s="7">
        <v>0</v>
      </c>
      <c r="G150" s="7">
        <v>0</v>
      </c>
      <c r="H150" s="7">
        <v>0</v>
      </c>
      <c r="I150" s="7">
        <v>0</v>
      </c>
    </row>
    <row r="151" spans="1:9" x14ac:dyDescent="0.25">
      <c r="A151" s="2" t="s">
        <v>284</v>
      </c>
      <c r="B151" s="4" t="s">
        <v>285</v>
      </c>
      <c r="C151" s="7">
        <v>0</v>
      </c>
      <c r="D151" s="7">
        <v>0</v>
      </c>
      <c r="E151" s="7">
        <v>0</v>
      </c>
      <c r="F151" s="7">
        <v>0</v>
      </c>
      <c r="G151" s="7">
        <v>0</v>
      </c>
      <c r="H151" s="7">
        <v>0</v>
      </c>
      <c r="I151" s="7">
        <v>0</v>
      </c>
    </row>
    <row r="152" spans="1:9" x14ac:dyDescent="0.25">
      <c r="A152" s="2" t="s">
        <v>286</v>
      </c>
      <c r="B152" s="4" t="s">
        <v>287</v>
      </c>
      <c r="C152" s="7">
        <v>0</v>
      </c>
      <c r="D152" s="7">
        <v>0</v>
      </c>
      <c r="E152" s="7">
        <v>0</v>
      </c>
      <c r="F152" s="7">
        <v>0</v>
      </c>
      <c r="G152" s="7">
        <v>0</v>
      </c>
      <c r="H152" s="7">
        <v>0</v>
      </c>
      <c r="I152" s="7">
        <v>0</v>
      </c>
    </row>
    <row r="153" spans="1:9" x14ac:dyDescent="0.25">
      <c r="A153" s="2" t="s">
        <v>288</v>
      </c>
      <c r="B153" s="4" t="s">
        <v>289</v>
      </c>
      <c r="C153" s="7">
        <v>0</v>
      </c>
      <c r="D153" s="7">
        <v>0</v>
      </c>
      <c r="E153" s="7">
        <v>0</v>
      </c>
      <c r="F153" s="7">
        <v>0</v>
      </c>
      <c r="G153" s="7">
        <v>0</v>
      </c>
      <c r="H153" s="7">
        <v>0</v>
      </c>
      <c r="I153" s="7">
        <v>0</v>
      </c>
    </row>
    <row r="154" spans="1:9" x14ac:dyDescent="0.25">
      <c r="A154" s="2" t="s">
        <v>290</v>
      </c>
      <c r="B154" s="4" t="s">
        <v>291</v>
      </c>
      <c r="C154" s="7">
        <v>0</v>
      </c>
      <c r="D154" s="7">
        <v>0</v>
      </c>
      <c r="E154" s="7">
        <v>0</v>
      </c>
      <c r="F154" s="7">
        <v>0</v>
      </c>
      <c r="G154" s="7">
        <v>0</v>
      </c>
      <c r="H154" s="7">
        <v>0</v>
      </c>
      <c r="I154" s="7">
        <v>0</v>
      </c>
    </row>
    <row r="155" spans="1:9" x14ac:dyDescent="0.25">
      <c r="A155" s="2" t="s">
        <v>292</v>
      </c>
      <c r="B155" s="4" t="s">
        <v>293</v>
      </c>
      <c r="C155" s="7">
        <v>0</v>
      </c>
      <c r="D155" s="7">
        <v>0</v>
      </c>
      <c r="E155" s="7">
        <v>0</v>
      </c>
      <c r="F155" s="7">
        <v>0</v>
      </c>
      <c r="G155" s="7">
        <v>0</v>
      </c>
      <c r="H155" s="7">
        <v>0</v>
      </c>
      <c r="I155" s="7">
        <v>0</v>
      </c>
    </row>
    <row r="156" spans="1:9" x14ac:dyDescent="0.25">
      <c r="A156" s="2" t="s">
        <v>294</v>
      </c>
      <c r="B156" s="4" t="s">
        <v>295</v>
      </c>
      <c r="C156" s="7">
        <v>0</v>
      </c>
      <c r="D156" s="7">
        <v>0</v>
      </c>
      <c r="E156" s="7">
        <v>0</v>
      </c>
      <c r="F156" s="7">
        <v>0</v>
      </c>
      <c r="G156" s="7">
        <v>0</v>
      </c>
      <c r="H156" s="7">
        <v>0</v>
      </c>
      <c r="I156" s="7">
        <v>0</v>
      </c>
    </row>
    <row r="157" spans="1:9" x14ac:dyDescent="0.25">
      <c r="A157" s="2" t="s">
        <v>296</v>
      </c>
      <c r="B157" s="4" t="s">
        <v>297</v>
      </c>
      <c r="C157" s="7">
        <v>0</v>
      </c>
      <c r="D157" s="7">
        <v>0</v>
      </c>
      <c r="E157" s="7">
        <v>0</v>
      </c>
      <c r="F157" s="7">
        <v>0</v>
      </c>
      <c r="G157" s="7">
        <v>0</v>
      </c>
      <c r="H157" s="7">
        <v>0</v>
      </c>
      <c r="I157" s="7">
        <v>0</v>
      </c>
    </row>
    <row r="158" spans="1:9" x14ac:dyDescent="0.25">
      <c r="A158" s="3" t="s">
        <v>298</v>
      </c>
      <c r="B158" s="5" t="s">
        <v>299</v>
      </c>
      <c r="C158" s="6">
        <v>427835900</v>
      </c>
      <c r="D158" s="6">
        <v>427835900</v>
      </c>
      <c r="E158" s="6">
        <v>0</v>
      </c>
      <c r="F158" s="6">
        <v>0</v>
      </c>
      <c r="G158" s="6">
        <v>0</v>
      </c>
      <c r="H158" s="6">
        <v>0</v>
      </c>
      <c r="I158" s="6">
        <v>427835900</v>
      </c>
    </row>
    <row r="159" spans="1:9" x14ac:dyDescent="0.25">
      <c r="A159" s="2" t="s">
        <v>300</v>
      </c>
      <c r="B159" s="4" t="s">
        <v>301</v>
      </c>
      <c r="C159" s="7">
        <v>0</v>
      </c>
      <c r="D159" s="7">
        <v>0</v>
      </c>
      <c r="E159" s="7">
        <v>0</v>
      </c>
      <c r="F159" s="7">
        <v>0</v>
      </c>
      <c r="G159" s="7">
        <v>0</v>
      </c>
      <c r="H159" s="7">
        <v>0</v>
      </c>
      <c r="I159" s="7">
        <v>0</v>
      </c>
    </row>
    <row r="160" spans="1:9" x14ac:dyDescent="0.25">
      <c r="A160" s="2" t="s">
        <v>302</v>
      </c>
      <c r="B160" s="4" t="s">
        <v>303</v>
      </c>
      <c r="C160" s="7">
        <v>0</v>
      </c>
      <c r="D160" s="7">
        <v>0</v>
      </c>
      <c r="E160" s="7">
        <v>0</v>
      </c>
      <c r="F160" s="7">
        <v>0</v>
      </c>
      <c r="G160" s="7">
        <v>0</v>
      </c>
      <c r="H160" s="7">
        <v>0</v>
      </c>
      <c r="I160" s="7">
        <v>0</v>
      </c>
    </row>
    <row r="161" spans="1:9" x14ac:dyDescent="0.25">
      <c r="A161" s="2" t="s">
        <v>304</v>
      </c>
      <c r="B161" s="4" t="s">
        <v>305</v>
      </c>
      <c r="C161" s="7">
        <v>0</v>
      </c>
      <c r="D161" s="7">
        <v>0</v>
      </c>
      <c r="E161" s="7">
        <v>0</v>
      </c>
      <c r="F161" s="7">
        <v>0</v>
      </c>
      <c r="G161" s="7">
        <v>0</v>
      </c>
      <c r="H161" s="7">
        <v>0</v>
      </c>
      <c r="I161" s="7">
        <v>0</v>
      </c>
    </row>
    <row r="162" spans="1:9" x14ac:dyDescent="0.25">
      <c r="A162" s="2" t="s">
        <v>306</v>
      </c>
      <c r="B162" s="4" t="s">
        <v>307</v>
      </c>
      <c r="C162" s="7">
        <v>427835900</v>
      </c>
      <c r="D162" s="7">
        <v>427835900</v>
      </c>
      <c r="E162" s="7">
        <v>0</v>
      </c>
      <c r="F162" s="7">
        <v>0</v>
      </c>
      <c r="G162" s="7">
        <v>0</v>
      </c>
      <c r="H162" s="7">
        <v>0</v>
      </c>
      <c r="I162" s="7">
        <v>427835900</v>
      </c>
    </row>
    <row r="163" spans="1:9" x14ac:dyDescent="0.25">
      <c r="A163" s="3" t="s">
        <v>308</v>
      </c>
      <c r="B163" s="5" t="s">
        <v>309</v>
      </c>
      <c r="C163" s="6">
        <v>0</v>
      </c>
      <c r="D163" s="6">
        <v>0</v>
      </c>
      <c r="E163" s="6">
        <v>0</v>
      </c>
      <c r="F163" s="6">
        <v>0</v>
      </c>
      <c r="G163" s="6">
        <v>0</v>
      </c>
      <c r="H163" s="6">
        <v>0</v>
      </c>
      <c r="I163" s="6">
        <v>0</v>
      </c>
    </row>
    <row r="164" spans="1:9" x14ac:dyDescent="0.25">
      <c r="A164" s="3" t="s">
        <v>310</v>
      </c>
      <c r="B164" s="5" t="s">
        <v>311</v>
      </c>
      <c r="C164" s="6">
        <v>0</v>
      </c>
      <c r="D164" s="6">
        <v>0</v>
      </c>
      <c r="E164" s="6">
        <v>0</v>
      </c>
      <c r="F164" s="6">
        <v>0</v>
      </c>
      <c r="G164" s="6">
        <v>0</v>
      </c>
      <c r="H164" s="6">
        <v>0</v>
      </c>
      <c r="I164" s="6">
        <v>0</v>
      </c>
    </row>
    <row r="165" spans="1:9" x14ac:dyDescent="0.25">
      <c r="A165" s="2" t="s">
        <v>312</v>
      </c>
      <c r="B165" s="4" t="s">
        <v>313</v>
      </c>
      <c r="C165" s="7">
        <v>0</v>
      </c>
      <c r="D165" s="7">
        <v>0</v>
      </c>
      <c r="E165" s="7">
        <v>0</v>
      </c>
      <c r="F165" s="7">
        <v>0</v>
      </c>
      <c r="G165" s="7">
        <v>0</v>
      </c>
      <c r="H165" s="7">
        <v>0</v>
      </c>
      <c r="I165" s="7">
        <v>0</v>
      </c>
    </row>
    <row r="166" spans="1:9" x14ac:dyDescent="0.25">
      <c r="A166" s="2" t="s">
        <v>314</v>
      </c>
      <c r="B166" s="4" t="s">
        <v>315</v>
      </c>
      <c r="C166" s="7">
        <v>0</v>
      </c>
      <c r="D166" s="7">
        <v>0</v>
      </c>
      <c r="E166" s="7">
        <v>0</v>
      </c>
      <c r="F166" s="7">
        <v>0</v>
      </c>
      <c r="G166" s="7">
        <v>0</v>
      </c>
      <c r="H166" s="7">
        <v>0</v>
      </c>
      <c r="I166" s="7">
        <v>0</v>
      </c>
    </row>
    <row r="167" spans="1:9" x14ac:dyDescent="0.25">
      <c r="A167" s="3" t="s">
        <v>316</v>
      </c>
      <c r="B167" s="5" t="s">
        <v>317</v>
      </c>
      <c r="C167" s="6">
        <v>0</v>
      </c>
      <c r="D167" s="6">
        <v>0</v>
      </c>
      <c r="E167" s="6">
        <v>0</v>
      </c>
      <c r="F167" s="6">
        <v>0</v>
      </c>
      <c r="G167" s="6">
        <v>0</v>
      </c>
      <c r="H167" s="6">
        <v>0</v>
      </c>
      <c r="I167" s="6">
        <v>0</v>
      </c>
    </row>
    <row r="168" spans="1:9" x14ac:dyDescent="0.25">
      <c r="A168" s="2" t="s">
        <v>318</v>
      </c>
      <c r="B168" s="4" t="s">
        <v>319</v>
      </c>
      <c r="C168" s="7">
        <v>0</v>
      </c>
      <c r="D168" s="7">
        <v>0</v>
      </c>
      <c r="E168" s="7">
        <v>0</v>
      </c>
      <c r="F168" s="7">
        <v>0</v>
      </c>
      <c r="G168" s="7">
        <v>0</v>
      </c>
      <c r="H168" s="7">
        <v>0</v>
      </c>
      <c r="I168" s="7">
        <v>0</v>
      </c>
    </row>
    <row r="169" spans="1:9" x14ac:dyDescent="0.25">
      <c r="A169" s="2" t="s">
        <v>320</v>
      </c>
      <c r="B169" s="4" t="s">
        <v>321</v>
      </c>
      <c r="C169" s="7">
        <v>0</v>
      </c>
      <c r="D169" s="7">
        <v>0</v>
      </c>
      <c r="E169" s="7">
        <v>0</v>
      </c>
      <c r="F169" s="7">
        <v>0</v>
      </c>
      <c r="G169" s="7">
        <v>0</v>
      </c>
      <c r="H169" s="7">
        <v>0</v>
      </c>
      <c r="I169" s="7">
        <v>0</v>
      </c>
    </row>
    <row r="170" spans="1:9" x14ac:dyDescent="0.25">
      <c r="A170" s="2" t="s">
        <v>322</v>
      </c>
      <c r="B170" s="4" t="s">
        <v>323</v>
      </c>
      <c r="C170" s="7">
        <v>0</v>
      </c>
      <c r="D170" s="7">
        <v>0</v>
      </c>
      <c r="E170" s="7">
        <v>0</v>
      </c>
      <c r="F170" s="7">
        <v>0</v>
      </c>
      <c r="G170" s="7">
        <v>0</v>
      </c>
      <c r="H170" s="7">
        <v>0</v>
      </c>
      <c r="I170" s="7">
        <v>0</v>
      </c>
    </row>
    <row r="171" spans="1:9" x14ac:dyDescent="0.25">
      <c r="A171" s="2" t="s">
        <v>324</v>
      </c>
      <c r="B171" s="4" t="s">
        <v>325</v>
      </c>
      <c r="C171" s="7">
        <v>0</v>
      </c>
      <c r="D171" s="7">
        <v>0</v>
      </c>
      <c r="E171" s="7">
        <v>0</v>
      </c>
      <c r="F171" s="7">
        <v>0</v>
      </c>
      <c r="G171" s="7">
        <v>0</v>
      </c>
      <c r="H171" s="7">
        <v>0</v>
      </c>
      <c r="I171" s="7">
        <v>0</v>
      </c>
    </row>
    <row r="172" spans="1:9" x14ac:dyDescent="0.25">
      <c r="A172" s="3" t="s">
        <v>326</v>
      </c>
      <c r="B172" s="5" t="s">
        <v>327</v>
      </c>
      <c r="C172" s="6">
        <v>0</v>
      </c>
      <c r="D172" s="6">
        <v>0</v>
      </c>
      <c r="E172" s="6">
        <v>0</v>
      </c>
      <c r="F172" s="6">
        <v>0</v>
      </c>
      <c r="G172" s="6">
        <v>0</v>
      </c>
      <c r="H172" s="6">
        <v>0</v>
      </c>
      <c r="I172" s="6">
        <v>0</v>
      </c>
    </row>
    <row r="173" spans="1:9" x14ac:dyDescent="0.25">
      <c r="A173" s="2" t="s">
        <v>328</v>
      </c>
      <c r="B173" s="4" t="s">
        <v>283</v>
      </c>
      <c r="C173" s="7">
        <v>0</v>
      </c>
      <c r="D173" s="7">
        <v>0</v>
      </c>
      <c r="E173" s="7">
        <v>0</v>
      </c>
      <c r="F173" s="7">
        <v>0</v>
      </c>
      <c r="G173" s="7">
        <v>0</v>
      </c>
      <c r="H173" s="7">
        <v>0</v>
      </c>
      <c r="I173" s="7">
        <v>0</v>
      </c>
    </row>
    <row r="174" spans="1:9" x14ac:dyDescent="0.25">
      <c r="A174" s="2" t="s">
        <v>329</v>
      </c>
      <c r="B174" s="4" t="s">
        <v>285</v>
      </c>
      <c r="C174" s="7">
        <v>0</v>
      </c>
      <c r="D174" s="7">
        <v>0</v>
      </c>
      <c r="E174" s="7">
        <v>0</v>
      </c>
      <c r="F174" s="7">
        <v>0</v>
      </c>
      <c r="G174" s="7">
        <v>0</v>
      </c>
      <c r="H174" s="7">
        <v>0</v>
      </c>
      <c r="I174" s="7">
        <v>0</v>
      </c>
    </row>
    <row r="175" spans="1:9" x14ac:dyDescent="0.25">
      <c r="A175" s="2" t="s">
        <v>330</v>
      </c>
      <c r="B175" s="4" t="s">
        <v>287</v>
      </c>
      <c r="C175" s="7">
        <v>0</v>
      </c>
      <c r="D175" s="7">
        <v>0</v>
      </c>
      <c r="E175" s="7">
        <v>0</v>
      </c>
      <c r="F175" s="7">
        <v>0</v>
      </c>
      <c r="G175" s="7">
        <v>0</v>
      </c>
      <c r="H175" s="7">
        <v>0</v>
      </c>
      <c r="I175" s="7">
        <v>0</v>
      </c>
    </row>
    <row r="176" spans="1:9" x14ac:dyDescent="0.25">
      <c r="A176" s="2" t="s">
        <v>331</v>
      </c>
      <c r="B176" s="4" t="s">
        <v>289</v>
      </c>
      <c r="C176" s="7">
        <v>0</v>
      </c>
      <c r="D176" s="7">
        <v>0</v>
      </c>
      <c r="E176" s="7">
        <v>0</v>
      </c>
      <c r="F176" s="7">
        <v>0</v>
      </c>
      <c r="G176" s="7">
        <v>0</v>
      </c>
      <c r="H176" s="7">
        <v>0</v>
      </c>
      <c r="I176" s="7">
        <v>0</v>
      </c>
    </row>
    <row r="177" spans="1:12" x14ac:dyDescent="0.25">
      <c r="A177" s="2" t="s">
        <v>332</v>
      </c>
      <c r="B177" s="4" t="s">
        <v>291</v>
      </c>
      <c r="C177" s="7">
        <v>0</v>
      </c>
      <c r="D177" s="7">
        <v>0</v>
      </c>
      <c r="E177" s="7">
        <v>0</v>
      </c>
      <c r="F177" s="7">
        <v>0</v>
      </c>
      <c r="G177" s="7">
        <v>0</v>
      </c>
      <c r="H177" s="7">
        <v>0</v>
      </c>
      <c r="I177" s="7">
        <v>0</v>
      </c>
    </row>
    <row r="178" spans="1:12" x14ac:dyDescent="0.25">
      <c r="A178" s="2" t="s">
        <v>333</v>
      </c>
      <c r="B178" s="4" t="s">
        <v>293</v>
      </c>
      <c r="C178" s="7">
        <v>0</v>
      </c>
      <c r="D178" s="7">
        <v>0</v>
      </c>
      <c r="E178" s="7">
        <v>0</v>
      </c>
      <c r="F178" s="7">
        <v>0</v>
      </c>
      <c r="G178" s="7">
        <v>0</v>
      </c>
      <c r="H178" s="7">
        <v>0</v>
      </c>
      <c r="I178" s="7">
        <v>0</v>
      </c>
    </row>
    <row r="179" spans="1:12" x14ac:dyDescent="0.25">
      <c r="A179" s="2" t="s">
        <v>334</v>
      </c>
      <c r="B179" s="4" t="s">
        <v>295</v>
      </c>
      <c r="C179" s="7">
        <v>0</v>
      </c>
      <c r="D179" s="7">
        <v>0</v>
      </c>
      <c r="E179" s="7">
        <v>0</v>
      </c>
      <c r="F179" s="7">
        <v>0</v>
      </c>
      <c r="G179" s="7">
        <v>0</v>
      </c>
      <c r="H179" s="7">
        <v>0</v>
      </c>
      <c r="I179" s="7">
        <v>0</v>
      </c>
    </row>
    <row r="180" spans="1:12" x14ac:dyDescent="0.25">
      <c r="A180" s="2" t="s">
        <v>335</v>
      </c>
      <c r="B180" s="4" t="s">
        <v>297</v>
      </c>
      <c r="C180" s="7">
        <v>0</v>
      </c>
      <c r="D180" s="7">
        <v>0</v>
      </c>
      <c r="E180" s="7">
        <v>0</v>
      </c>
      <c r="F180" s="7">
        <v>0</v>
      </c>
      <c r="G180" s="7">
        <v>0</v>
      </c>
      <c r="H180" s="7">
        <v>0</v>
      </c>
      <c r="I180" s="7">
        <v>0</v>
      </c>
    </row>
    <row r="181" spans="1:12" x14ac:dyDescent="0.25">
      <c r="A181" s="3" t="s">
        <v>336</v>
      </c>
      <c r="B181" s="5" t="s">
        <v>337</v>
      </c>
      <c r="C181" s="6">
        <v>0</v>
      </c>
      <c r="D181" s="6">
        <v>0</v>
      </c>
      <c r="E181" s="6">
        <v>0</v>
      </c>
      <c r="F181" s="6">
        <v>0</v>
      </c>
      <c r="G181" s="6">
        <v>0</v>
      </c>
      <c r="H181" s="6">
        <v>0</v>
      </c>
      <c r="I181" s="6">
        <v>0</v>
      </c>
    </row>
    <row r="182" spans="1:12" x14ac:dyDescent="0.25">
      <c r="A182" s="2" t="s">
        <v>338</v>
      </c>
      <c r="B182" s="4" t="s">
        <v>339</v>
      </c>
      <c r="C182" s="7">
        <v>0</v>
      </c>
      <c r="D182" s="7">
        <v>0</v>
      </c>
      <c r="E182" s="7">
        <v>0</v>
      </c>
      <c r="F182" s="7">
        <v>0</v>
      </c>
      <c r="G182" s="7">
        <v>0</v>
      </c>
      <c r="H182" s="7">
        <v>0</v>
      </c>
      <c r="I182" s="7">
        <v>0</v>
      </c>
    </row>
    <row r="183" spans="1:12" x14ac:dyDescent="0.25">
      <c r="A183" s="2" t="s">
        <v>340</v>
      </c>
      <c r="B183" s="4" t="s">
        <v>341</v>
      </c>
      <c r="C183" s="7">
        <v>0</v>
      </c>
      <c r="D183" s="7">
        <v>0</v>
      </c>
      <c r="E183" s="7">
        <v>0</v>
      </c>
      <c r="F183" s="7">
        <v>0</v>
      </c>
      <c r="G183" s="7">
        <v>0</v>
      </c>
      <c r="H183" s="7">
        <v>0</v>
      </c>
      <c r="I183" s="7">
        <v>0</v>
      </c>
    </row>
    <row r="184" spans="1:12" x14ac:dyDescent="0.25">
      <c r="A184" s="2" t="s">
        <v>342</v>
      </c>
      <c r="B184" s="4" t="s">
        <v>343</v>
      </c>
      <c r="C184" s="7">
        <v>0</v>
      </c>
      <c r="D184" s="7">
        <v>0</v>
      </c>
      <c r="E184" s="7">
        <v>0</v>
      </c>
      <c r="F184" s="7">
        <v>0</v>
      </c>
      <c r="G184" s="7">
        <v>0</v>
      </c>
      <c r="H184" s="7">
        <v>0</v>
      </c>
      <c r="I184" s="7">
        <v>0</v>
      </c>
    </row>
    <row r="185" spans="1:12" x14ac:dyDescent="0.25">
      <c r="A185" s="2" t="s">
        <v>344</v>
      </c>
      <c r="B185" s="4" t="s">
        <v>345</v>
      </c>
      <c r="C185" s="7">
        <v>0</v>
      </c>
      <c r="D185" s="7">
        <v>0</v>
      </c>
      <c r="E185" s="7">
        <v>0</v>
      </c>
      <c r="F185" s="7">
        <v>0</v>
      </c>
      <c r="G185" s="7">
        <v>0</v>
      </c>
      <c r="H185" s="7">
        <v>0</v>
      </c>
      <c r="I185" s="7">
        <v>0</v>
      </c>
    </row>
    <row r="187" spans="1:12" x14ac:dyDescent="0.25">
      <c r="A187" s="8" t="s">
        <v>6</v>
      </c>
      <c r="B187" s="8" t="s">
        <v>346</v>
      </c>
      <c r="C187" s="8" t="s">
        <v>165</v>
      </c>
      <c r="D187" s="8" t="s">
        <v>166</v>
      </c>
      <c r="E187" s="8" t="s">
        <v>167</v>
      </c>
      <c r="F187" s="8" t="s">
        <v>5</v>
      </c>
      <c r="G187" s="8" t="s">
        <v>170</v>
      </c>
      <c r="H187" s="8" t="s">
        <v>171</v>
      </c>
      <c r="I187" s="8" t="s">
        <v>5</v>
      </c>
      <c r="J187" s="8" t="s">
        <v>174</v>
      </c>
      <c r="K187" s="8" t="s">
        <v>175</v>
      </c>
      <c r="L187" s="8" t="s">
        <v>176</v>
      </c>
    </row>
    <row r="188" spans="1:12" x14ac:dyDescent="0.25">
      <c r="A188" s="8" t="s">
        <v>5</v>
      </c>
      <c r="B188" s="8" t="s">
        <v>5</v>
      </c>
      <c r="C188" s="8" t="s">
        <v>5</v>
      </c>
      <c r="D188" s="8" t="s">
        <v>5</v>
      </c>
      <c r="E188" s="1" t="s">
        <v>168</v>
      </c>
      <c r="F188" s="1" t="s">
        <v>169</v>
      </c>
      <c r="G188" s="8" t="s">
        <v>5</v>
      </c>
      <c r="H188" s="1" t="s">
        <v>168</v>
      </c>
      <c r="I188" s="1" t="s">
        <v>173</v>
      </c>
      <c r="J188" s="8" t="s">
        <v>5</v>
      </c>
      <c r="K188" s="8" t="s">
        <v>5</v>
      </c>
      <c r="L188" s="8" t="s">
        <v>5</v>
      </c>
    </row>
    <row r="189" spans="1:12" x14ac:dyDescent="0.25">
      <c r="A189" s="3" t="s">
        <v>347</v>
      </c>
      <c r="B189" s="5" t="s">
        <v>348</v>
      </c>
      <c r="C189" s="6">
        <v>1303284700</v>
      </c>
      <c r="D189" s="6">
        <v>2111197815.8699999</v>
      </c>
      <c r="E189" s="6">
        <v>425995929.00999999</v>
      </c>
      <c r="F189" s="6">
        <v>2065078374.8699999</v>
      </c>
      <c r="G189" s="6">
        <v>46119441</v>
      </c>
      <c r="H189" s="6">
        <v>456165461.31</v>
      </c>
      <c r="I189" s="6">
        <v>2065078374.8699999</v>
      </c>
      <c r="J189" s="6">
        <v>46119441</v>
      </c>
      <c r="K189" s="6">
        <v>1984997238.5799999</v>
      </c>
      <c r="L189" s="6">
        <v>0</v>
      </c>
    </row>
    <row r="190" spans="1:12" x14ac:dyDescent="0.25">
      <c r="A190" s="3" t="s">
        <v>349</v>
      </c>
      <c r="B190" s="5" t="s">
        <v>350</v>
      </c>
      <c r="C190" s="6">
        <v>1303284700</v>
      </c>
      <c r="D190" s="6">
        <v>2111197815.8699999</v>
      </c>
      <c r="E190" s="6">
        <v>425995929.00999999</v>
      </c>
      <c r="F190" s="6">
        <v>2065078374.8699999</v>
      </c>
      <c r="G190" s="6">
        <v>46119441</v>
      </c>
      <c r="H190" s="6">
        <v>456165461.31</v>
      </c>
      <c r="I190" s="6">
        <v>2065078374.8699999</v>
      </c>
      <c r="J190" s="6">
        <v>46119441</v>
      </c>
      <c r="K190" s="6">
        <v>1984997238.5799999</v>
      </c>
      <c r="L190" s="6">
        <v>0</v>
      </c>
    </row>
    <row r="191" spans="1:12" x14ac:dyDescent="0.25">
      <c r="A191" s="2" t="s">
        <v>351</v>
      </c>
      <c r="B191" s="4" t="s">
        <v>352</v>
      </c>
      <c r="C191" s="7">
        <v>1157913100</v>
      </c>
      <c r="D191" s="7">
        <v>2010389513.1500001</v>
      </c>
      <c r="E191" s="7">
        <v>415127696.08999997</v>
      </c>
      <c r="F191" s="7">
        <v>1976669405.79</v>
      </c>
      <c r="G191" s="7">
        <v>33720107.359999999</v>
      </c>
      <c r="H191" s="7">
        <v>439804020.68000001</v>
      </c>
      <c r="I191" s="7">
        <v>1976669405.79</v>
      </c>
      <c r="J191" s="7">
        <v>33720107.359999999</v>
      </c>
      <c r="K191" s="7">
        <v>1904728746.5599999</v>
      </c>
      <c r="L191" s="7">
        <v>0</v>
      </c>
    </row>
    <row r="192" spans="1:12" x14ac:dyDescent="0.25">
      <c r="A192" s="2" t="s">
        <v>353</v>
      </c>
      <c r="B192" s="4" t="s">
        <v>354</v>
      </c>
      <c r="C192" s="7">
        <v>0</v>
      </c>
      <c r="D192" s="7">
        <v>0</v>
      </c>
      <c r="E192" s="7">
        <v>0</v>
      </c>
      <c r="F192" s="7">
        <v>0</v>
      </c>
      <c r="G192" s="7">
        <v>0</v>
      </c>
      <c r="H192" s="7">
        <v>0</v>
      </c>
      <c r="I192" s="7">
        <v>0</v>
      </c>
      <c r="J192" s="7">
        <v>0</v>
      </c>
      <c r="K192" s="7">
        <v>0</v>
      </c>
      <c r="L192" s="7">
        <v>0</v>
      </c>
    </row>
    <row r="193" spans="1:12" x14ac:dyDescent="0.25">
      <c r="A193" s="2" t="s">
        <v>355</v>
      </c>
      <c r="B193" s="4" t="s">
        <v>356</v>
      </c>
      <c r="C193" s="7">
        <v>145371600</v>
      </c>
      <c r="D193" s="7">
        <v>100808302.72</v>
      </c>
      <c r="E193" s="7">
        <v>10868232.92</v>
      </c>
      <c r="F193" s="7">
        <v>88408969.079999998</v>
      </c>
      <c r="G193" s="7">
        <v>12399333.640000001</v>
      </c>
      <c r="H193" s="7">
        <v>16361440.630000001</v>
      </c>
      <c r="I193" s="7">
        <v>88408969.079999998</v>
      </c>
      <c r="J193" s="7">
        <v>12399333.640000001</v>
      </c>
      <c r="K193" s="7">
        <v>80268492.019999996</v>
      </c>
      <c r="L193" s="7">
        <v>0</v>
      </c>
    </row>
    <row r="194" spans="1:12" x14ac:dyDescent="0.25">
      <c r="A194" s="3" t="s">
        <v>357</v>
      </c>
      <c r="B194" s="5" t="s">
        <v>358</v>
      </c>
      <c r="C194" s="6">
        <v>0</v>
      </c>
      <c r="D194" s="6">
        <v>0</v>
      </c>
      <c r="E194" s="6">
        <v>0</v>
      </c>
      <c r="F194" s="6">
        <v>0</v>
      </c>
      <c r="G194" s="6">
        <v>0</v>
      </c>
      <c r="H194" s="6">
        <v>0</v>
      </c>
      <c r="I194" s="6">
        <v>0</v>
      </c>
      <c r="J194" s="6">
        <v>0</v>
      </c>
      <c r="K194" s="6">
        <v>0</v>
      </c>
      <c r="L194" s="6">
        <v>0</v>
      </c>
    </row>
    <row r="195" spans="1:12" x14ac:dyDescent="0.25">
      <c r="A195" s="2" t="s">
        <v>359</v>
      </c>
      <c r="B195" s="4" t="s">
        <v>360</v>
      </c>
      <c r="C195" s="7">
        <v>0</v>
      </c>
      <c r="D195" s="7">
        <v>0</v>
      </c>
      <c r="E195" s="7">
        <v>0</v>
      </c>
      <c r="F195" s="7">
        <v>0</v>
      </c>
      <c r="G195" s="7">
        <v>0</v>
      </c>
      <c r="H195" s="7">
        <v>0</v>
      </c>
      <c r="I195" s="7">
        <v>0</v>
      </c>
      <c r="J195" s="7">
        <v>0</v>
      </c>
      <c r="K195" s="7">
        <v>0</v>
      </c>
      <c r="L195" s="7">
        <v>0</v>
      </c>
    </row>
    <row r="196" spans="1:12" x14ac:dyDescent="0.25">
      <c r="A196" s="2" t="s">
        <v>361</v>
      </c>
      <c r="B196" s="4" t="s">
        <v>362</v>
      </c>
      <c r="C196" s="7">
        <v>0</v>
      </c>
      <c r="D196" s="7">
        <v>0</v>
      </c>
      <c r="E196" s="7">
        <v>0</v>
      </c>
      <c r="F196" s="7">
        <v>0</v>
      </c>
      <c r="G196" s="7">
        <v>0</v>
      </c>
      <c r="H196" s="7">
        <v>0</v>
      </c>
      <c r="I196" s="7">
        <v>0</v>
      </c>
      <c r="J196" s="7">
        <v>0</v>
      </c>
      <c r="K196" s="7">
        <v>0</v>
      </c>
      <c r="L196" s="7">
        <v>0</v>
      </c>
    </row>
    <row r="197" spans="1:12" x14ac:dyDescent="0.25">
      <c r="A197" s="2" t="s">
        <v>363</v>
      </c>
      <c r="B197" s="4" t="s">
        <v>364</v>
      </c>
      <c r="C197" s="7">
        <v>0</v>
      </c>
      <c r="D197" s="7">
        <v>0</v>
      </c>
      <c r="E197" s="7">
        <v>0</v>
      </c>
      <c r="F197" s="7">
        <v>0</v>
      </c>
      <c r="G197" s="7">
        <v>0</v>
      </c>
      <c r="H197" s="7">
        <v>0</v>
      </c>
      <c r="I197" s="7">
        <v>0</v>
      </c>
      <c r="J197" s="7">
        <v>0</v>
      </c>
      <c r="K197" s="7">
        <v>0</v>
      </c>
      <c r="L197" s="7">
        <v>0</v>
      </c>
    </row>
    <row r="198" spans="1:12" x14ac:dyDescent="0.25">
      <c r="A198" s="2" t="s">
        <v>365</v>
      </c>
      <c r="B198" s="4" t="s">
        <v>366</v>
      </c>
      <c r="C198" s="7">
        <v>0</v>
      </c>
      <c r="D198" s="7">
        <v>0</v>
      </c>
      <c r="E198" s="7">
        <v>0</v>
      </c>
      <c r="F198" s="7">
        <v>0</v>
      </c>
      <c r="G198" s="7">
        <v>0</v>
      </c>
      <c r="H198" s="7">
        <v>0</v>
      </c>
      <c r="I198" s="7">
        <v>0</v>
      </c>
      <c r="J198" s="7">
        <v>0</v>
      </c>
      <c r="K198" s="7">
        <v>0</v>
      </c>
      <c r="L198" s="7">
        <v>0</v>
      </c>
    </row>
  </sheetData>
  <mergeCells count="38">
    <mergeCell ref="A3:L3"/>
    <mergeCell ref="A4:L4"/>
    <mergeCell ref="A5:L5"/>
    <mergeCell ref="A6:L6"/>
    <mergeCell ref="A7:L7"/>
    <mergeCell ref="A9:L9"/>
    <mergeCell ref="A10:A11"/>
    <mergeCell ref="B10:B11"/>
    <mergeCell ref="C10:C11"/>
    <mergeCell ref="D10:D11"/>
    <mergeCell ref="E10:H10"/>
    <mergeCell ref="I10:I11"/>
    <mergeCell ref="A92:A93"/>
    <mergeCell ref="B92:B93"/>
    <mergeCell ref="C92:C93"/>
    <mergeCell ref="D92:D93"/>
    <mergeCell ref="E92:F92"/>
    <mergeCell ref="G92:G93"/>
    <mergeCell ref="H92:I92"/>
    <mergeCell ref="J92:J93"/>
    <mergeCell ref="K92:K93"/>
    <mergeCell ref="L92:L93"/>
    <mergeCell ref="J187:J188"/>
    <mergeCell ref="K187:K188"/>
    <mergeCell ref="L187:L188"/>
    <mergeCell ref="I120:I121"/>
    <mergeCell ref="A187:A188"/>
    <mergeCell ref="B187:B188"/>
    <mergeCell ref="C187:C188"/>
    <mergeCell ref="D187:D188"/>
    <mergeCell ref="E187:F187"/>
    <mergeCell ref="G187:G188"/>
    <mergeCell ref="H187:I187"/>
    <mergeCell ref="A120:A121"/>
    <mergeCell ref="B120:B121"/>
    <mergeCell ref="C120:C121"/>
    <mergeCell ref="D120:D121"/>
    <mergeCell ref="E120:H120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31"/>
  <sheetViews>
    <sheetView showGridLines="0" workbookViewId="0"/>
  </sheetViews>
  <sheetFormatPr defaultRowHeight="15" x14ac:dyDescent="0.25"/>
  <cols>
    <col min="1" max="1" width="2.7109375" bestFit="1" customWidth="1"/>
    <col min="2" max="2" width="44.42578125" bestFit="1" customWidth="1"/>
    <col min="3" max="3" width="15" bestFit="1" customWidth="1"/>
    <col min="4" max="4" width="13.28515625" bestFit="1" customWidth="1"/>
    <col min="5" max="5" width="15" bestFit="1" customWidth="1"/>
    <col min="6" max="8" width="9.28515625" bestFit="1" customWidth="1"/>
    <col min="9" max="9" width="14.85546875" bestFit="1" customWidth="1"/>
  </cols>
  <sheetData>
    <row r="3" spans="1:9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</row>
    <row r="4" spans="1:9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</row>
    <row r="5" spans="1:9" x14ac:dyDescent="0.25">
      <c r="A5" s="12" t="s">
        <v>449</v>
      </c>
      <c r="B5" s="10"/>
      <c r="C5" s="10"/>
      <c r="D5" s="10"/>
      <c r="E5" s="10"/>
      <c r="F5" s="10"/>
      <c r="G5" s="10"/>
      <c r="H5" s="10"/>
      <c r="I5" s="10"/>
    </row>
    <row r="6" spans="1:9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</row>
    <row r="7" spans="1:9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</row>
    <row r="9" spans="1:9" x14ac:dyDescent="0.25">
      <c r="A9" s="9" t="s">
        <v>5</v>
      </c>
      <c r="B9" s="10"/>
      <c r="C9" s="10"/>
      <c r="D9" s="10"/>
      <c r="E9" s="10"/>
      <c r="F9" s="10"/>
      <c r="G9" s="10"/>
      <c r="H9" s="10"/>
      <c r="I9" s="10"/>
    </row>
    <row r="10" spans="1:9" x14ac:dyDescent="0.25">
      <c r="A10" s="8" t="s">
        <v>6</v>
      </c>
      <c r="B10" s="8" t="s">
        <v>7</v>
      </c>
      <c r="C10" s="8" t="s">
        <v>9</v>
      </c>
      <c r="D10" s="8" t="s">
        <v>450</v>
      </c>
      <c r="E10" s="8" t="s">
        <v>451</v>
      </c>
    </row>
    <row r="11" spans="1:9" x14ac:dyDescent="0.25">
      <c r="A11" s="8" t="s">
        <v>5</v>
      </c>
      <c r="B11" s="8" t="s">
        <v>5</v>
      </c>
      <c r="C11" s="8" t="s">
        <v>5</v>
      </c>
      <c r="D11" s="8" t="s">
        <v>5</v>
      </c>
      <c r="E11" s="8" t="s">
        <v>5</v>
      </c>
    </row>
    <row r="12" spans="1:9" x14ac:dyDescent="0.25">
      <c r="A12" s="3" t="s">
        <v>16</v>
      </c>
      <c r="B12" s="5" t="s">
        <v>452</v>
      </c>
      <c r="C12" s="6">
        <v>5193200</v>
      </c>
      <c r="D12" s="6">
        <v>817708.8</v>
      </c>
      <c r="E12" s="6">
        <v>4375491.2</v>
      </c>
    </row>
    <row r="13" spans="1:9" x14ac:dyDescent="0.25">
      <c r="A13" s="2" t="s">
        <v>18</v>
      </c>
      <c r="B13" s="4" t="s">
        <v>453</v>
      </c>
      <c r="C13" s="7">
        <v>1353400</v>
      </c>
      <c r="D13" s="7">
        <v>0</v>
      </c>
      <c r="E13" s="7">
        <v>1353400</v>
      </c>
    </row>
    <row r="14" spans="1:9" x14ac:dyDescent="0.25">
      <c r="A14" s="2" t="s">
        <v>20</v>
      </c>
      <c r="B14" s="4" t="s">
        <v>454</v>
      </c>
      <c r="C14" s="7">
        <v>3835200</v>
      </c>
      <c r="D14" s="7">
        <v>817447.4</v>
      </c>
      <c r="E14" s="7">
        <v>3017752.6</v>
      </c>
    </row>
    <row r="15" spans="1:9" x14ac:dyDescent="0.25">
      <c r="A15" s="2" t="s">
        <v>22</v>
      </c>
      <c r="B15" s="4" t="s">
        <v>455</v>
      </c>
      <c r="C15" s="7">
        <v>0</v>
      </c>
      <c r="D15" s="7">
        <v>0</v>
      </c>
      <c r="E15" s="7">
        <v>0</v>
      </c>
    </row>
    <row r="16" spans="1:9" x14ac:dyDescent="0.25">
      <c r="A16" s="2" t="s">
        <v>24</v>
      </c>
      <c r="B16" s="4" t="s">
        <v>456</v>
      </c>
      <c r="C16" s="7">
        <v>4600</v>
      </c>
      <c r="D16" s="7">
        <v>261.39999999999998</v>
      </c>
      <c r="E16" s="7">
        <v>4338.6000000000004</v>
      </c>
    </row>
    <row r="18" spans="1:9" x14ac:dyDescent="0.25">
      <c r="A18" s="8" t="s">
        <v>6</v>
      </c>
      <c r="B18" s="8" t="s">
        <v>164</v>
      </c>
      <c r="C18" s="8" t="s">
        <v>457</v>
      </c>
      <c r="D18" s="8" t="s">
        <v>458</v>
      </c>
      <c r="E18" s="8" t="s">
        <v>171</v>
      </c>
      <c r="F18" s="8" t="s">
        <v>459</v>
      </c>
      <c r="G18" s="8" t="s">
        <v>460</v>
      </c>
      <c r="H18" s="8" t="s">
        <v>461</v>
      </c>
      <c r="I18" s="8" t="s">
        <v>462</v>
      </c>
    </row>
    <row r="19" spans="1:9" x14ac:dyDescent="0.25">
      <c r="A19" s="8" t="s">
        <v>5</v>
      </c>
      <c r="B19" s="8" t="s">
        <v>5</v>
      </c>
      <c r="C19" s="8" t="s">
        <v>5</v>
      </c>
      <c r="D19" s="8" t="s">
        <v>5</v>
      </c>
      <c r="E19" s="8" t="s">
        <v>5</v>
      </c>
      <c r="F19" s="8" t="s">
        <v>5</v>
      </c>
      <c r="G19" s="8" t="s">
        <v>5</v>
      </c>
      <c r="H19" s="8" t="s">
        <v>5</v>
      </c>
      <c r="I19" s="8" t="s">
        <v>5</v>
      </c>
    </row>
    <row r="20" spans="1:9" x14ac:dyDescent="0.25">
      <c r="A20" s="3" t="s">
        <v>26</v>
      </c>
      <c r="B20" s="5" t="s">
        <v>463</v>
      </c>
      <c r="C20" s="6">
        <v>5213200</v>
      </c>
      <c r="D20" s="6">
        <v>0</v>
      </c>
      <c r="E20" s="6">
        <v>0</v>
      </c>
      <c r="F20" s="6">
        <v>0</v>
      </c>
      <c r="G20" s="6">
        <v>0</v>
      </c>
      <c r="H20" s="6">
        <v>0</v>
      </c>
      <c r="I20" s="6">
        <v>5213200</v>
      </c>
    </row>
    <row r="21" spans="1:9" x14ac:dyDescent="0.25">
      <c r="A21" s="3" t="s">
        <v>28</v>
      </c>
      <c r="B21" s="5" t="s">
        <v>464</v>
      </c>
      <c r="C21" s="6">
        <v>5213200</v>
      </c>
      <c r="D21" s="6">
        <v>0</v>
      </c>
      <c r="E21" s="6">
        <v>0</v>
      </c>
      <c r="F21" s="6">
        <v>0</v>
      </c>
      <c r="G21" s="6">
        <v>0</v>
      </c>
      <c r="H21" s="6">
        <v>0</v>
      </c>
      <c r="I21" s="6">
        <v>5213200</v>
      </c>
    </row>
    <row r="22" spans="1:9" x14ac:dyDescent="0.25">
      <c r="A22" s="2" t="s">
        <v>30</v>
      </c>
      <c r="B22" s="4" t="s">
        <v>465</v>
      </c>
      <c r="C22" s="7">
        <v>5213200</v>
      </c>
      <c r="D22" s="7">
        <v>0</v>
      </c>
      <c r="E22" s="7">
        <v>0</v>
      </c>
      <c r="F22" s="7">
        <v>0</v>
      </c>
      <c r="G22" s="7">
        <v>0</v>
      </c>
      <c r="H22" s="7">
        <v>0</v>
      </c>
      <c r="I22" s="7">
        <v>5213200</v>
      </c>
    </row>
    <row r="23" spans="1:9" x14ac:dyDescent="0.25">
      <c r="A23" s="2" t="s">
        <v>32</v>
      </c>
      <c r="B23" s="4" t="s">
        <v>466</v>
      </c>
      <c r="C23" s="7">
        <v>0</v>
      </c>
      <c r="D23" s="7">
        <v>0</v>
      </c>
      <c r="E23" s="7">
        <v>0</v>
      </c>
      <c r="F23" s="7">
        <v>0</v>
      </c>
      <c r="G23" s="7">
        <v>0</v>
      </c>
      <c r="H23" s="7">
        <v>0</v>
      </c>
      <c r="I23" s="7">
        <v>0</v>
      </c>
    </row>
    <row r="24" spans="1:9" x14ac:dyDescent="0.25">
      <c r="A24" s="2" t="s">
        <v>34</v>
      </c>
      <c r="B24" s="4" t="s">
        <v>467</v>
      </c>
      <c r="C24" s="7">
        <v>0</v>
      </c>
      <c r="D24" s="7">
        <v>0</v>
      </c>
      <c r="E24" s="7">
        <v>0</v>
      </c>
      <c r="F24" s="7">
        <v>0</v>
      </c>
      <c r="G24" s="7">
        <v>0</v>
      </c>
      <c r="H24" s="7">
        <v>0</v>
      </c>
      <c r="I24" s="7">
        <v>0</v>
      </c>
    </row>
    <row r="25" spans="1:9" x14ac:dyDescent="0.25">
      <c r="A25" s="3" t="s">
        <v>36</v>
      </c>
      <c r="B25" s="5" t="s">
        <v>468</v>
      </c>
      <c r="C25" s="6">
        <v>0</v>
      </c>
      <c r="D25" s="6">
        <v>0</v>
      </c>
      <c r="E25" s="6">
        <v>0</v>
      </c>
      <c r="F25" s="6">
        <v>0</v>
      </c>
      <c r="G25" s="6">
        <v>0</v>
      </c>
      <c r="H25" s="6">
        <v>0</v>
      </c>
      <c r="I25" s="6">
        <v>0</v>
      </c>
    </row>
    <row r="26" spans="1:9" x14ac:dyDescent="0.25">
      <c r="A26" s="2" t="s">
        <v>38</v>
      </c>
      <c r="B26" s="4" t="s">
        <v>469</v>
      </c>
      <c r="C26" s="7">
        <v>0</v>
      </c>
      <c r="D26" s="7">
        <v>0</v>
      </c>
      <c r="E26" s="7">
        <v>0</v>
      </c>
      <c r="F26" s="7">
        <v>0</v>
      </c>
      <c r="G26" s="7">
        <v>0</v>
      </c>
      <c r="H26" s="7">
        <v>0</v>
      </c>
      <c r="I26" s="7">
        <v>0</v>
      </c>
    </row>
    <row r="28" spans="1:9" x14ac:dyDescent="0.25">
      <c r="A28" s="8" t="s">
        <v>6</v>
      </c>
      <c r="B28" s="8" t="s">
        <v>470</v>
      </c>
      <c r="C28" s="8" t="s">
        <v>471</v>
      </c>
      <c r="D28" s="8" t="s">
        <v>472</v>
      </c>
      <c r="E28" s="8" t="s">
        <v>473</v>
      </c>
    </row>
    <row r="29" spans="1:9" x14ac:dyDescent="0.25">
      <c r="A29" s="8" t="s">
        <v>5</v>
      </c>
      <c r="B29" s="8" t="s">
        <v>5</v>
      </c>
      <c r="C29" s="8" t="s">
        <v>5</v>
      </c>
      <c r="D29" s="8" t="s">
        <v>5</v>
      </c>
      <c r="E29" s="8" t="s">
        <v>5</v>
      </c>
    </row>
    <row r="30" spans="1:9" x14ac:dyDescent="0.25">
      <c r="A30" s="2" t="s">
        <v>40</v>
      </c>
      <c r="B30" s="4" t="s">
        <v>474</v>
      </c>
      <c r="C30" s="7">
        <v>2185183.65</v>
      </c>
      <c r="D30" s="7">
        <v>817708.8</v>
      </c>
      <c r="E30" s="7">
        <v>3002892.45</v>
      </c>
    </row>
    <row r="31" spans="1:9" x14ac:dyDescent="0.25">
      <c r="C31" s="13"/>
      <c r="D31" s="13"/>
      <c r="E31" s="13"/>
    </row>
  </sheetData>
  <mergeCells count="25">
    <mergeCell ref="A3:I3"/>
    <mergeCell ref="A4:I4"/>
    <mergeCell ref="A5:I5"/>
    <mergeCell ref="A6:I6"/>
    <mergeCell ref="A7:I7"/>
    <mergeCell ref="A9:I9"/>
    <mergeCell ref="A10:A11"/>
    <mergeCell ref="B10:B11"/>
    <mergeCell ref="C10:C11"/>
    <mergeCell ref="D10:D11"/>
    <mergeCell ref="E10:E11"/>
    <mergeCell ref="F18:F19"/>
    <mergeCell ref="G18:G19"/>
    <mergeCell ref="H18:H19"/>
    <mergeCell ref="I18:I19"/>
    <mergeCell ref="A28:A29"/>
    <mergeCell ref="B28:B29"/>
    <mergeCell ref="C28:C29"/>
    <mergeCell ref="D28:D29"/>
    <mergeCell ref="E28:E29"/>
    <mergeCell ref="A18:A19"/>
    <mergeCell ref="B18:B19"/>
    <mergeCell ref="C18:C19"/>
    <mergeCell ref="D18:D19"/>
    <mergeCell ref="E18:E19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160"/>
  <sheetViews>
    <sheetView showGridLines="0" workbookViewId="0"/>
  </sheetViews>
  <sheetFormatPr defaultRowHeight="15" x14ac:dyDescent="0.25"/>
  <cols>
    <col min="1" max="1" width="3.7109375" bestFit="1" customWidth="1"/>
    <col min="2" max="2" width="95.5703125" customWidth="1"/>
    <col min="3" max="5" width="20.28515625" bestFit="1" customWidth="1"/>
    <col min="6" max="6" width="13.7109375" bestFit="1" customWidth="1"/>
    <col min="7" max="7" width="19" bestFit="1" customWidth="1"/>
    <col min="8" max="8" width="13.5703125" bestFit="1" customWidth="1"/>
    <col min="9" max="9" width="19" bestFit="1" customWidth="1"/>
    <col min="10" max="10" width="13.28515625" bestFit="1" customWidth="1"/>
    <col min="11" max="11" width="16" bestFit="1" customWidth="1"/>
  </cols>
  <sheetData>
    <row r="3" spans="1:12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</row>
    <row r="4" spans="1:12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</row>
    <row r="5" spans="1:12" x14ac:dyDescent="0.25">
      <c r="A5" s="12" t="s">
        <v>475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</row>
    <row r="6" spans="1:12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</row>
    <row r="7" spans="1:12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</row>
    <row r="9" spans="1:12" x14ac:dyDescent="0.25">
      <c r="A9" s="9" t="s">
        <v>5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</row>
    <row r="10" spans="1:12" x14ac:dyDescent="0.25">
      <c r="A10" s="8" t="s">
        <v>6</v>
      </c>
      <c r="B10" s="8" t="s">
        <v>476</v>
      </c>
      <c r="C10" s="8" t="s">
        <v>8</v>
      </c>
      <c r="D10" s="8" t="s">
        <v>9</v>
      </c>
      <c r="E10" s="8" t="s">
        <v>10</v>
      </c>
      <c r="F10" s="8" t="s">
        <v>10</v>
      </c>
    </row>
    <row r="11" spans="1:12" ht="21" x14ac:dyDescent="0.25">
      <c r="A11" s="8" t="s">
        <v>5</v>
      </c>
      <c r="B11" s="8" t="s">
        <v>5</v>
      </c>
      <c r="C11" s="8" t="s">
        <v>5</v>
      </c>
      <c r="D11" s="8" t="s">
        <v>5</v>
      </c>
      <c r="E11" s="1" t="s">
        <v>477</v>
      </c>
      <c r="F11" s="1" t="s">
        <v>478</v>
      </c>
    </row>
    <row r="12" spans="1:12" x14ac:dyDescent="0.25">
      <c r="A12" s="3" t="s">
        <v>16</v>
      </c>
      <c r="B12" s="5" t="s">
        <v>479</v>
      </c>
      <c r="C12" s="6">
        <v>11668502000</v>
      </c>
      <c r="D12" s="6">
        <v>11668502000</v>
      </c>
      <c r="E12" s="6">
        <v>12463629769.370001</v>
      </c>
      <c r="F12" s="6">
        <v>106.81</v>
      </c>
    </row>
    <row r="13" spans="1:12" x14ac:dyDescent="0.25">
      <c r="A13" s="3" t="s">
        <v>18</v>
      </c>
      <c r="B13" s="5" t="s">
        <v>480</v>
      </c>
      <c r="C13" s="6">
        <v>9799471900</v>
      </c>
      <c r="D13" s="6">
        <v>9799471900</v>
      </c>
      <c r="E13" s="6">
        <v>10161119076.27</v>
      </c>
      <c r="F13" s="6">
        <v>103.69</v>
      </c>
    </row>
    <row r="14" spans="1:12" x14ac:dyDescent="0.25">
      <c r="A14" s="2" t="s">
        <v>20</v>
      </c>
      <c r="B14" s="4" t="s">
        <v>481</v>
      </c>
      <c r="C14" s="7">
        <v>9616410000</v>
      </c>
      <c r="D14" s="7">
        <v>9616410000</v>
      </c>
      <c r="E14" s="7">
        <v>9908635335.2700005</v>
      </c>
      <c r="F14" s="7">
        <v>103.04</v>
      </c>
    </row>
    <row r="15" spans="1:12" x14ac:dyDescent="0.25">
      <c r="A15" s="2" t="s">
        <v>22</v>
      </c>
      <c r="B15" s="4" t="s">
        <v>482</v>
      </c>
      <c r="C15" s="7">
        <v>99100800</v>
      </c>
      <c r="D15" s="7">
        <v>99100800</v>
      </c>
      <c r="E15" s="7">
        <v>155228289.88</v>
      </c>
      <c r="F15" s="7">
        <v>156.63999999999999</v>
      </c>
    </row>
    <row r="16" spans="1:12" x14ac:dyDescent="0.25">
      <c r="A16" s="2" t="s">
        <v>24</v>
      </c>
      <c r="B16" s="4" t="s">
        <v>483</v>
      </c>
      <c r="C16" s="7">
        <v>83961100</v>
      </c>
      <c r="D16" s="7">
        <v>83961100</v>
      </c>
      <c r="E16" s="7">
        <v>97255451.120000005</v>
      </c>
      <c r="F16" s="7">
        <v>115.83</v>
      </c>
    </row>
    <row r="17" spans="1:6" x14ac:dyDescent="0.25">
      <c r="A17" s="3" t="s">
        <v>26</v>
      </c>
      <c r="B17" s="5" t="s">
        <v>484</v>
      </c>
      <c r="C17" s="6">
        <v>182447900</v>
      </c>
      <c r="D17" s="6">
        <v>182447900</v>
      </c>
      <c r="E17" s="6">
        <v>258146075.5</v>
      </c>
      <c r="F17" s="6">
        <v>141.49</v>
      </c>
    </row>
    <row r="18" spans="1:6" x14ac:dyDescent="0.25">
      <c r="A18" s="2" t="s">
        <v>28</v>
      </c>
      <c r="B18" s="4" t="s">
        <v>485</v>
      </c>
      <c r="C18" s="7">
        <v>182447900</v>
      </c>
      <c r="D18" s="7">
        <v>182447900</v>
      </c>
      <c r="E18" s="7">
        <v>234382439.66999999</v>
      </c>
      <c r="F18" s="7">
        <v>128.47</v>
      </c>
    </row>
    <row r="19" spans="1:6" x14ac:dyDescent="0.25">
      <c r="A19" s="2" t="s">
        <v>30</v>
      </c>
      <c r="B19" s="4" t="s">
        <v>486</v>
      </c>
      <c r="C19" s="7">
        <v>0</v>
      </c>
      <c r="D19" s="7">
        <v>0</v>
      </c>
      <c r="E19" s="7">
        <v>23763635.829999998</v>
      </c>
      <c r="F19" s="7">
        <v>0</v>
      </c>
    </row>
    <row r="20" spans="1:6" x14ac:dyDescent="0.25">
      <c r="A20" s="3" t="s">
        <v>32</v>
      </c>
      <c r="B20" s="5" t="s">
        <v>487</v>
      </c>
      <c r="C20" s="6">
        <v>729934800</v>
      </c>
      <c r="D20" s="6">
        <v>729934800</v>
      </c>
      <c r="E20" s="6">
        <v>800742959.89999998</v>
      </c>
      <c r="F20" s="6">
        <v>109.7</v>
      </c>
    </row>
    <row r="21" spans="1:6" x14ac:dyDescent="0.25">
      <c r="A21" s="2" t="s">
        <v>34</v>
      </c>
      <c r="B21" s="4" t="s">
        <v>488</v>
      </c>
      <c r="C21" s="7">
        <v>682669700</v>
      </c>
      <c r="D21" s="7">
        <v>682669700</v>
      </c>
      <c r="E21" s="7">
        <v>729052233.98000002</v>
      </c>
      <c r="F21" s="7">
        <v>106.79</v>
      </c>
    </row>
    <row r="22" spans="1:6" x14ac:dyDescent="0.25">
      <c r="A22" s="2" t="s">
        <v>36</v>
      </c>
      <c r="B22" s="4" t="s">
        <v>489</v>
      </c>
      <c r="C22" s="7">
        <v>47265100</v>
      </c>
      <c r="D22" s="7">
        <v>47265100</v>
      </c>
      <c r="E22" s="7">
        <v>71690725.920000002</v>
      </c>
      <c r="F22" s="7">
        <v>151.68</v>
      </c>
    </row>
    <row r="23" spans="1:6" x14ac:dyDescent="0.25">
      <c r="A23" s="2" t="s">
        <v>38</v>
      </c>
      <c r="B23" s="4" t="s">
        <v>490</v>
      </c>
      <c r="C23" s="7">
        <v>956647400</v>
      </c>
      <c r="D23" s="7">
        <v>956647400</v>
      </c>
      <c r="E23" s="7">
        <v>1243621657.7</v>
      </c>
      <c r="F23" s="7">
        <v>130</v>
      </c>
    </row>
    <row r="24" spans="1:6" x14ac:dyDescent="0.25">
      <c r="A24" s="3" t="s">
        <v>40</v>
      </c>
      <c r="B24" s="5" t="s">
        <v>491</v>
      </c>
      <c r="C24" s="6">
        <v>1352553300</v>
      </c>
      <c r="D24" s="6">
        <v>1352553300</v>
      </c>
      <c r="E24" s="6">
        <v>1354699382.9300001</v>
      </c>
      <c r="F24" s="6">
        <v>100.16</v>
      </c>
    </row>
    <row r="25" spans="1:6" x14ac:dyDescent="0.25">
      <c r="A25" s="2" t="s">
        <v>42</v>
      </c>
      <c r="B25" s="4" t="s">
        <v>492</v>
      </c>
      <c r="C25" s="7">
        <v>1227705300</v>
      </c>
      <c r="D25" s="7">
        <v>1227705300</v>
      </c>
      <c r="E25" s="7">
        <v>1254691362.71</v>
      </c>
      <c r="F25" s="7">
        <v>102.2</v>
      </c>
    </row>
    <row r="26" spans="1:6" x14ac:dyDescent="0.25">
      <c r="A26" s="2" t="s">
        <v>44</v>
      </c>
      <c r="B26" s="4" t="s">
        <v>493</v>
      </c>
      <c r="C26" s="7">
        <v>106498000</v>
      </c>
      <c r="D26" s="7">
        <v>106498000</v>
      </c>
      <c r="E26" s="7">
        <v>100008020.22</v>
      </c>
      <c r="F26" s="7">
        <v>93.91</v>
      </c>
    </row>
    <row r="27" spans="1:6" x14ac:dyDescent="0.25">
      <c r="A27" s="3" t="s">
        <v>46</v>
      </c>
      <c r="B27" s="5" t="s">
        <v>494</v>
      </c>
      <c r="C27" s="6">
        <v>18350000</v>
      </c>
      <c r="D27" s="6">
        <v>18350000</v>
      </c>
      <c r="E27" s="6">
        <v>0</v>
      </c>
      <c r="F27" s="6">
        <v>0</v>
      </c>
    </row>
    <row r="28" spans="1:6" x14ac:dyDescent="0.25">
      <c r="A28" s="2" t="s">
        <v>48</v>
      </c>
      <c r="B28" s="4" t="s">
        <v>495</v>
      </c>
      <c r="C28" s="7">
        <v>18350000</v>
      </c>
      <c r="D28" s="7">
        <v>18350000</v>
      </c>
      <c r="E28" s="7">
        <v>0</v>
      </c>
      <c r="F28" s="7">
        <v>0</v>
      </c>
    </row>
    <row r="29" spans="1:6" x14ac:dyDescent="0.25">
      <c r="A29" s="2" t="s">
        <v>50</v>
      </c>
      <c r="B29" s="4" t="s">
        <v>496</v>
      </c>
      <c r="C29" s="7">
        <v>0</v>
      </c>
      <c r="D29" s="7">
        <v>0</v>
      </c>
      <c r="E29" s="7">
        <v>0</v>
      </c>
      <c r="F29" s="7">
        <v>0</v>
      </c>
    </row>
    <row r="30" spans="1:6" x14ac:dyDescent="0.25">
      <c r="A30" s="3" t="s">
        <v>52</v>
      </c>
      <c r="B30" s="5" t="s">
        <v>497</v>
      </c>
      <c r="C30" s="6">
        <v>2820469600</v>
      </c>
      <c r="D30" s="6">
        <v>2820469600</v>
      </c>
      <c r="E30" s="6">
        <v>2941339392.3699999</v>
      </c>
      <c r="F30" s="6">
        <v>104.29</v>
      </c>
    </row>
    <row r="31" spans="1:6" x14ac:dyDescent="0.25">
      <c r="A31" s="2" t="s">
        <v>54</v>
      </c>
      <c r="B31" s="4" t="s">
        <v>498</v>
      </c>
      <c r="C31" s="7">
        <v>2428877700</v>
      </c>
      <c r="D31" s="7">
        <v>2428877700</v>
      </c>
      <c r="E31" s="7">
        <v>2515965906.5100002</v>
      </c>
      <c r="F31" s="7">
        <v>103.59</v>
      </c>
    </row>
    <row r="32" spans="1:6" x14ac:dyDescent="0.25">
      <c r="A32" s="2" t="s">
        <v>56</v>
      </c>
      <c r="B32" s="4" t="s">
        <v>499</v>
      </c>
      <c r="C32" s="7">
        <v>364967400</v>
      </c>
      <c r="D32" s="7">
        <v>364967400</v>
      </c>
      <c r="E32" s="7">
        <v>400371480.67000002</v>
      </c>
      <c r="F32" s="7">
        <v>109.7</v>
      </c>
    </row>
    <row r="33" spans="1:11" x14ac:dyDescent="0.25">
      <c r="A33" s="2" t="s">
        <v>58</v>
      </c>
      <c r="B33" s="4" t="s">
        <v>500</v>
      </c>
      <c r="C33" s="7">
        <v>26624500</v>
      </c>
      <c r="D33" s="7">
        <v>26624500</v>
      </c>
      <c r="E33" s="7">
        <v>25002005.190000001</v>
      </c>
      <c r="F33" s="7">
        <v>93.91</v>
      </c>
    </row>
    <row r="34" spans="1:11" x14ac:dyDescent="0.25">
      <c r="A34" s="3" t="s">
        <v>60</v>
      </c>
      <c r="B34" s="5" t="s">
        <v>501</v>
      </c>
      <c r="C34" s="6">
        <v>10200585700</v>
      </c>
      <c r="D34" s="6">
        <v>10200585700</v>
      </c>
      <c r="E34" s="6">
        <v>10876989759.93</v>
      </c>
      <c r="F34" s="6">
        <v>106.63</v>
      </c>
    </row>
    <row r="36" spans="1:11" x14ac:dyDescent="0.25">
      <c r="A36" s="8" t="s">
        <v>6</v>
      </c>
      <c r="B36" s="8" t="s">
        <v>502</v>
      </c>
      <c r="C36" s="8" t="s">
        <v>503</v>
      </c>
      <c r="D36" s="8" t="s">
        <v>504</v>
      </c>
      <c r="E36" s="8" t="s">
        <v>167</v>
      </c>
      <c r="F36" s="8" t="s">
        <v>5</v>
      </c>
      <c r="G36" s="8" t="s">
        <v>171</v>
      </c>
      <c r="H36" s="8" t="s">
        <v>5</v>
      </c>
      <c r="I36" s="8" t="s">
        <v>509</v>
      </c>
      <c r="J36" s="8" t="s">
        <v>5</v>
      </c>
      <c r="K36" s="8" t="s">
        <v>511</v>
      </c>
    </row>
    <row r="37" spans="1:11" ht="21" x14ac:dyDescent="0.25">
      <c r="A37" s="8" t="s">
        <v>5</v>
      </c>
      <c r="B37" s="8" t="s">
        <v>5</v>
      </c>
      <c r="C37" s="8" t="s">
        <v>5</v>
      </c>
      <c r="D37" s="8" t="s">
        <v>5</v>
      </c>
      <c r="E37" s="1" t="s">
        <v>505</v>
      </c>
      <c r="F37" s="1" t="s">
        <v>506</v>
      </c>
      <c r="G37" s="1" t="s">
        <v>507</v>
      </c>
      <c r="H37" s="1" t="s">
        <v>508</v>
      </c>
      <c r="I37" s="1" t="s">
        <v>169</v>
      </c>
      <c r="J37" s="1" t="s">
        <v>510</v>
      </c>
      <c r="K37" s="8" t="s">
        <v>5</v>
      </c>
    </row>
    <row r="38" spans="1:11" x14ac:dyDescent="0.25">
      <c r="A38" s="3" t="s">
        <v>62</v>
      </c>
      <c r="B38" s="5" t="s">
        <v>512</v>
      </c>
      <c r="C38" s="6">
        <v>70490200</v>
      </c>
      <c r="D38" s="6">
        <v>65907921</v>
      </c>
      <c r="E38" s="6">
        <v>65857919.530000001</v>
      </c>
      <c r="F38" s="6">
        <v>99.92</v>
      </c>
      <c r="G38" s="6">
        <v>59283040.170000002</v>
      </c>
      <c r="H38" s="6">
        <v>89.95</v>
      </c>
      <c r="I38" s="6">
        <v>59280040.170000002</v>
      </c>
      <c r="J38" s="6">
        <v>89.94</v>
      </c>
      <c r="K38" s="6">
        <v>6574879.3600000003</v>
      </c>
    </row>
    <row r="39" spans="1:11" x14ac:dyDescent="0.25">
      <c r="A39" s="2" t="s">
        <v>64</v>
      </c>
      <c r="B39" s="4" t="s">
        <v>513</v>
      </c>
      <c r="C39" s="7">
        <v>70490200</v>
      </c>
      <c r="D39" s="7">
        <v>65907921</v>
      </c>
      <c r="E39" s="7">
        <v>65857919.530000001</v>
      </c>
      <c r="F39" s="7">
        <v>99.92</v>
      </c>
      <c r="G39" s="7">
        <v>59283040.170000002</v>
      </c>
      <c r="H39" s="7">
        <v>89.95</v>
      </c>
      <c r="I39" s="7">
        <v>59280040.170000002</v>
      </c>
      <c r="J39" s="7">
        <v>89.94</v>
      </c>
      <c r="K39" s="7">
        <v>6574879.3600000003</v>
      </c>
    </row>
    <row r="40" spans="1:11" x14ac:dyDescent="0.25">
      <c r="A40" s="2" t="s">
        <v>66</v>
      </c>
      <c r="B40" s="4" t="s">
        <v>514</v>
      </c>
      <c r="C40" s="7">
        <v>0</v>
      </c>
      <c r="D40" s="7">
        <v>0</v>
      </c>
      <c r="E40" s="7">
        <v>0</v>
      </c>
      <c r="F40" s="7">
        <v>0</v>
      </c>
      <c r="G40" s="7">
        <v>0</v>
      </c>
      <c r="H40" s="7">
        <v>0</v>
      </c>
      <c r="I40" s="7">
        <v>0</v>
      </c>
      <c r="J40" s="7">
        <v>0</v>
      </c>
      <c r="K40" s="7">
        <v>0</v>
      </c>
    </row>
    <row r="41" spans="1:11" x14ac:dyDescent="0.25">
      <c r="A41" s="3" t="s">
        <v>68</v>
      </c>
      <c r="B41" s="5" t="s">
        <v>515</v>
      </c>
      <c r="C41" s="6">
        <v>690625000</v>
      </c>
      <c r="D41" s="6">
        <v>541002141.5</v>
      </c>
      <c r="E41" s="6">
        <v>536254978.66000003</v>
      </c>
      <c r="F41" s="6">
        <v>99.12</v>
      </c>
      <c r="G41" s="6">
        <v>491362848.69999999</v>
      </c>
      <c r="H41" s="6">
        <v>90.82</v>
      </c>
      <c r="I41" s="6">
        <v>474112481.32999998</v>
      </c>
      <c r="J41" s="6">
        <v>87.64</v>
      </c>
      <c r="K41" s="6">
        <v>44892129.960000001</v>
      </c>
    </row>
    <row r="42" spans="1:11" x14ac:dyDescent="0.25">
      <c r="A42" s="2" t="s">
        <v>70</v>
      </c>
      <c r="B42" s="4" t="s">
        <v>513</v>
      </c>
      <c r="C42" s="7">
        <v>660235800</v>
      </c>
      <c r="D42" s="7">
        <v>512486618.5</v>
      </c>
      <c r="E42" s="7">
        <v>510706226.69</v>
      </c>
      <c r="F42" s="7">
        <v>99.65</v>
      </c>
      <c r="G42" s="7">
        <v>479463280.88</v>
      </c>
      <c r="H42" s="7">
        <v>93.56</v>
      </c>
      <c r="I42" s="7">
        <v>462632913.50999999</v>
      </c>
      <c r="J42" s="7">
        <v>90.27</v>
      </c>
      <c r="K42" s="7">
        <v>31242945.809999999</v>
      </c>
    </row>
    <row r="43" spans="1:11" x14ac:dyDescent="0.25">
      <c r="A43" s="2" t="s">
        <v>72</v>
      </c>
      <c r="B43" s="4" t="s">
        <v>516</v>
      </c>
      <c r="C43" s="7">
        <v>30389200</v>
      </c>
      <c r="D43" s="7">
        <v>28515523</v>
      </c>
      <c r="E43" s="7">
        <v>25548751.969999999</v>
      </c>
      <c r="F43" s="7">
        <v>89.6</v>
      </c>
      <c r="G43" s="7">
        <v>11899567.82</v>
      </c>
      <c r="H43" s="7">
        <v>41.73</v>
      </c>
      <c r="I43" s="7">
        <v>11479567.82</v>
      </c>
      <c r="J43" s="7">
        <v>40.26</v>
      </c>
      <c r="K43" s="7">
        <v>13649184.15</v>
      </c>
    </row>
    <row r="44" spans="1:11" x14ac:dyDescent="0.25">
      <c r="A44" s="3" t="s">
        <v>74</v>
      </c>
      <c r="B44" s="5" t="s">
        <v>517</v>
      </c>
      <c r="C44" s="6">
        <v>54206700</v>
      </c>
      <c r="D44" s="6">
        <v>49666972</v>
      </c>
      <c r="E44" s="6">
        <v>49633770.600000001</v>
      </c>
      <c r="F44" s="6">
        <v>99.93</v>
      </c>
      <c r="G44" s="6">
        <v>31227261.739999998</v>
      </c>
      <c r="H44" s="6">
        <v>62.87</v>
      </c>
      <c r="I44" s="6">
        <v>30845598.690000001</v>
      </c>
      <c r="J44" s="6">
        <v>62.1</v>
      </c>
      <c r="K44" s="6">
        <v>18406508.859999999</v>
      </c>
    </row>
    <row r="45" spans="1:11" x14ac:dyDescent="0.25">
      <c r="A45" s="2" t="s">
        <v>76</v>
      </c>
      <c r="B45" s="4" t="s">
        <v>513</v>
      </c>
      <c r="C45" s="7">
        <v>53913700</v>
      </c>
      <c r="D45" s="7">
        <v>49666972</v>
      </c>
      <c r="E45" s="7">
        <v>49633770.600000001</v>
      </c>
      <c r="F45" s="7">
        <v>99.93</v>
      </c>
      <c r="G45" s="7">
        <v>31227261.739999998</v>
      </c>
      <c r="H45" s="7">
        <v>62.87</v>
      </c>
      <c r="I45" s="7">
        <v>30845598.690000001</v>
      </c>
      <c r="J45" s="7">
        <v>62.1</v>
      </c>
      <c r="K45" s="7">
        <v>18406508.859999999</v>
      </c>
    </row>
    <row r="46" spans="1:11" x14ac:dyDescent="0.25">
      <c r="A46" s="2" t="s">
        <v>78</v>
      </c>
      <c r="B46" s="4" t="s">
        <v>516</v>
      </c>
      <c r="C46" s="7">
        <v>293000</v>
      </c>
      <c r="D46" s="7">
        <v>0</v>
      </c>
      <c r="E46" s="7">
        <v>0</v>
      </c>
      <c r="F46" s="7">
        <v>0</v>
      </c>
      <c r="G46" s="7">
        <v>0</v>
      </c>
      <c r="H46" s="7">
        <v>0</v>
      </c>
      <c r="I46" s="7">
        <v>0</v>
      </c>
      <c r="J46" s="7">
        <v>0</v>
      </c>
      <c r="K46" s="7">
        <v>0</v>
      </c>
    </row>
    <row r="47" spans="1:11" x14ac:dyDescent="0.25">
      <c r="A47" s="3" t="s">
        <v>80</v>
      </c>
      <c r="B47" s="5" t="s">
        <v>518</v>
      </c>
      <c r="C47" s="6">
        <v>0</v>
      </c>
      <c r="D47" s="6">
        <v>378791</v>
      </c>
      <c r="E47" s="6">
        <v>378790.56</v>
      </c>
      <c r="F47" s="6">
        <v>100</v>
      </c>
      <c r="G47" s="6">
        <v>378790.56</v>
      </c>
      <c r="H47" s="6">
        <v>100</v>
      </c>
      <c r="I47" s="6">
        <v>378790.56</v>
      </c>
      <c r="J47" s="6">
        <v>100</v>
      </c>
      <c r="K47" s="6">
        <v>0</v>
      </c>
    </row>
    <row r="48" spans="1:11" x14ac:dyDescent="0.25">
      <c r="A48" s="2" t="s">
        <v>82</v>
      </c>
      <c r="B48" s="4" t="s">
        <v>513</v>
      </c>
      <c r="C48" s="7">
        <v>0</v>
      </c>
      <c r="D48" s="7">
        <v>378791</v>
      </c>
      <c r="E48" s="7">
        <v>378790.56</v>
      </c>
      <c r="F48" s="7">
        <v>100</v>
      </c>
      <c r="G48" s="7">
        <v>378790.56</v>
      </c>
      <c r="H48" s="7">
        <v>100</v>
      </c>
      <c r="I48" s="7">
        <v>378790.56</v>
      </c>
      <c r="J48" s="7">
        <v>100</v>
      </c>
      <c r="K48" s="7">
        <v>0</v>
      </c>
    </row>
    <row r="49" spans="1:11" x14ac:dyDescent="0.25">
      <c r="A49" s="2" t="s">
        <v>84</v>
      </c>
      <c r="B49" s="4" t="s">
        <v>516</v>
      </c>
      <c r="C49" s="7">
        <v>0</v>
      </c>
      <c r="D49" s="7">
        <v>0</v>
      </c>
      <c r="E49" s="7">
        <v>0</v>
      </c>
      <c r="F49" s="7">
        <v>0</v>
      </c>
      <c r="G49" s="7">
        <v>0</v>
      </c>
      <c r="H49" s="7">
        <v>0</v>
      </c>
      <c r="I49" s="7">
        <v>0</v>
      </c>
      <c r="J49" s="7">
        <v>0</v>
      </c>
      <c r="K49" s="7">
        <v>0</v>
      </c>
    </row>
    <row r="50" spans="1:11" x14ac:dyDescent="0.25">
      <c r="A50" s="3" t="s">
        <v>86</v>
      </c>
      <c r="B50" s="5" t="s">
        <v>519</v>
      </c>
      <c r="C50" s="6">
        <v>16880900</v>
      </c>
      <c r="D50" s="6">
        <v>164868031</v>
      </c>
      <c r="E50" s="6">
        <v>157426106.36000001</v>
      </c>
      <c r="F50" s="6">
        <v>95.49</v>
      </c>
      <c r="G50" s="6">
        <v>145120431.36000001</v>
      </c>
      <c r="H50" s="6">
        <v>88.02</v>
      </c>
      <c r="I50" s="6">
        <v>143732287.37</v>
      </c>
      <c r="J50" s="6">
        <v>87.18</v>
      </c>
      <c r="K50" s="6">
        <v>12305675</v>
      </c>
    </row>
    <row r="51" spans="1:11" x14ac:dyDescent="0.25">
      <c r="A51" s="2" t="s">
        <v>88</v>
      </c>
      <c r="B51" s="4" t="s">
        <v>513</v>
      </c>
      <c r="C51" s="7">
        <v>15470900</v>
      </c>
      <c r="D51" s="7">
        <v>148938357</v>
      </c>
      <c r="E51" s="7">
        <v>144944694.34</v>
      </c>
      <c r="F51" s="7">
        <v>97.32</v>
      </c>
      <c r="G51" s="7">
        <v>132714786.26000001</v>
      </c>
      <c r="H51" s="7">
        <v>89.11</v>
      </c>
      <c r="I51" s="7">
        <v>132606642.27</v>
      </c>
      <c r="J51" s="7">
        <v>89.03</v>
      </c>
      <c r="K51" s="7">
        <v>12229908.08</v>
      </c>
    </row>
    <row r="52" spans="1:11" x14ac:dyDescent="0.25">
      <c r="A52" s="2" t="s">
        <v>90</v>
      </c>
      <c r="B52" s="4" t="s">
        <v>516</v>
      </c>
      <c r="C52" s="7">
        <v>1410000</v>
      </c>
      <c r="D52" s="7">
        <v>15929674</v>
      </c>
      <c r="E52" s="7">
        <v>12481412.02</v>
      </c>
      <c r="F52" s="7">
        <v>78.349999999999994</v>
      </c>
      <c r="G52" s="7">
        <v>12405645.1</v>
      </c>
      <c r="H52" s="7">
        <v>77.88</v>
      </c>
      <c r="I52" s="7">
        <v>11125645.1</v>
      </c>
      <c r="J52" s="7">
        <v>69.84</v>
      </c>
      <c r="K52" s="7">
        <v>75766.92</v>
      </c>
    </row>
    <row r="53" spans="1:11" x14ac:dyDescent="0.25">
      <c r="A53" s="3" t="s">
        <v>92</v>
      </c>
      <c r="B53" s="5" t="s">
        <v>520</v>
      </c>
      <c r="C53" s="6">
        <v>33937000</v>
      </c>
      <c r="D53" s="6">
        <v>32406942</v>
      </c>
      <c r="E53" s="6">
        <v>32406942</v>
      </c>
      <c r="F53" s="6">
        <v>100</v>
      </c>
      <c r="G53" s="6">
        <v>29533253.239999998</v>
      </c>
      <c r="H53" s="6">
        <v>91.13</v>
      </c>
      <c r="I53" s="6">
        <v>29533253.239999998</v>
      </c>
      <c r="J53" s="6">
        <v>91.13</v>
      </c>
      <c r="K53" s="6">
        <v>2873688.76</v>
      </c>
    </row>
    <row r="54" spans="1:11" x14ac:dyDescent="0.25">
      <c r="A54" s="2" t="s">
        <v>94</v>
      </c>
      <c r="B54" s="4" t="s">
        <v>513</v>
      </c>
      <c r="C54" s="7">
        <v>33937000</v>
      </c>
      <c r="D54" s="7">
        <v>32406942</v>
      </c>
      <c r="E54" s="7">
        <v>32406942</v>
      </c>
      <c r="F54" s="7">
        <v>100</v>
      </c>
      <c r="G54" s="7">
        <v>29533253.239999998</v>
      </c>
      <c r="H54" s="7">
        <v>91.13</v>
      </c>
      <c r="I54" s="7">
        <v>29533253.239999998</v>
      </c>
      <c r="J54" s="7">
        <v>91.13</v>
      </c>
      <c r="K54" s="7">
        <v>2873688.76</v>
      </c>
    </row>
    <row r="55" spans="1:11" x14ac:dyDescent="0.25">
      <c r="A55" s="2" t="s">
        <v>96</v>
      </c>
      <c r="B55" s="4" t="s">
        <v>516</v>
      </c>
      <c r="C55" s="7">
        <v>0</v>
      </c>
      <c r="D55" s="7">
        <v>0</v>
      </c>
      <c r="E55" s="7">
        <v>0</v>
      </c>
      <c r="F55" s="7">
        <v>0</v>
      </c>
      <c r="G55" s="7">
        <v>0</v>
      </c>
      <c r="H55" s="7">
        <v>0</v>
      </c>
      <c r="I55" s="7">
        <v>0</v>
      </c>
      <c r="J55" s="7">
        <v>0</v>
      </c>
      <c r="K55" s="7">
        <v>0</v>
      </c>
    </row>
    <row r="56" spans="1:11" x14ac:dyDescent="0.25">
      <c r="A56" s="3" t="s">
        <v>98</v>
      </c>
      <c r="B56" s="5" t="s">
        <v>521</v>
      </c>
      <c r="C56" s="6">
        <v>362395400</v>
      </c>
      <c r="D56" s="6">
        <v>725654961.79999995</v>
      </c>
      <c r="E56" s="6">
        <v>723003619.09000003</v>
      </c>
      <c r="F56" s="6">
        <v>99.63</v>
      </c>
      <c r="G56" s="6">
        <v>715840000.38</v>
      </c>
      <c r="H56" s="6">
        <v>98.65</v>
      </c>
      <c r="I56" s="6">
        <v>694406492.77999997</v>
      </c>
      <c r="J56" s="6">
        <v>95.69</v>
      </c>
      <c r="K56" s="6">
        <v>7163618.71</v>
      </c>
    </row>
    <row r="57" spans="1:11" x14ac:dyDescent="0.25">
      <c r="A57" s="2" t="s">
        <v>100</v>
      </c>
      <c r="B57" s="4" t="s">
        <v>513</v>
      </c>
      <c r="C57" s="7">
        <v>349092400</v>
      </c>
      <c r="D57" s="7">
        <v>718979399.79999995</v>
      </c>
      <c r="E57" s="7">
        <v>716419327.45000005</v>
      </c>
      <c r="F57" s="7">
        <v>99.64</v>
      </c>
      <c r="G57" s="7">
        <v>709765308.63999999</v>
      </c>
      <c r="H57" s="7">
        <v>98.72</v>
      </c>
      <c r="I57" s="7">
        <v>688331801.03999996</v>
      </c>
      <c r="J57" s="7">
        <v>95.74</v>
      </c>
      <c r="K57" s="7">
        <v>6654018.8099999996</v>
      </c>
    </row>
    <row r="58" spans="1:11" x14ac:dyDescent="0.25">
      <c r="A58" s="2" t="s">
        <v>102</v>
      </c>
      <c r="B58" s="4" t="s">
        <v>516</v>
      </c>
      <c r="C58" s="7">
        <v>13303000</v>
      </c>
      <c r="D58" s="7">
        <v>6675562</v>
      </c>
      <c r="E58" s="7">
        <v>6584291.6399999997</v>
      </c>
      <c r="F58" s="7">
        <v>98.63</v>
      </c>
      <c r="G58" s="7">
        <v>6074691.7400000002</v>
      </c>
      <c r="H58" s="7">
        <v>91</v>
      </c>
      <c r="I58" s="7">
        <v>6074691.7400000002</v>
      </c>
      <c r="J58" s="7">
        <v>91</v>
      </c>
      <c r="K58" s="7">
        <v>509599.9</v>
      </c>
    </row>
    <row r="59" spans="1:11" x14ac:dyDescent="0.25">
      <c r="A59" s="3" t="s">
        <v>104</v>
      </c>
      <c r="B59" s="5" t="s">
        <v>522</v>
      </c>
      <c r="C59" s="6">
        <v>1228535200</v>
      </c>
      <c r="D59" s="6">
        <v>1579885760.3</v>
      </c>
      <c r="E59" s="6">
        <v>1564962126.8</v>
      </c>
      <c r="F59" s="6">
        <v>99.06</v>
      </c>
      <c r="G59" s="6">
        <v>1472745626.1500001</v>
      </c>
      <c r="H59" s="6">
        <v>93.22</v>
      </c>
      <c r="I59" s="6">
        <v>1432288944.1400001</v>
      </c>
      <c r="J59" s="6">
        <v>90.66</v>
      </c>
      <c r="K59" s="6">
        <v>92216500.650000006</v>
      </c>
    </row>
    <row r="61" spans="1:11" x14ac:dyDescent="0.25">
      <c r="A61" s="8" t="s">
        <v>6</v>
      </c>
      <c r="B61" s="8" t="s">
        <v>523</v>
      </c>
      <c r="C61" s="8" t="s">
        <v>524</v>
      </c>
      <c r="D61" s="8" t="s">
        <v>525</v>
      </c>
      <c r="E61" s="8" t="s">
        <v>526</v>
      </c>
    </row>
    <row r="62" spans="1:11" x14ac:dyDescent="0.25">
      <c r="A62" s="8" t="s">
        <v>5</v>
      </c>
      <c r="B62" s="8" t="s">
        <v>5</v>
      </c>
      <c r="C62" s="8" t="s">
        <v>5</v>
      </c>
      <c r="D62" s="8" t="s">
        <v>5</v>
      </c>
      <c r="E62" s="8" t="s">
        <v>5</v>
      </c>
    </row>
    <row r="63" spans="1:11" x14ac:dyDescent="0.25">
      <c r="A63" s="2" t="s">
        <v>106</v>
      </c>
      <c r="B63" s="4" t="s">
        <v>527</v>
      </c>
      <c r="C63" s="7">
        <v>1564962126.8</v>
      </c>
      <c r="D63" s="7">
        <v>1472745626.1500001</v>
      </c>
      <c r="E63" s="7">
        <v>1432288944.1400001</v>
      </c>
    </row>
    <row r="64" spans="1:11" x14ac:dyDescent="0.25">
      <c r="A64" s="2" t="s">
        <v>108</v>
      </c>
      <c r="B64" s="4" t="s">
        <v>528</v>
      </c>
      <c r="C64" s="7">
        <v>0</v>
      </c>
      <c r="D64" s="7">
        <v>0</v>
      </c>
      <c r="E64" s="7">
        <v>0</v>
      </c>
    </row>
    <row r="65" spans="1:5" x14ac:dyDescent="0.25">
      <c r="A65" s="2" t="s">
        <v>110</v>
      </c>
      <c r="B65" s="4" t="s">
        <v>529</v>
      </c>
      <c r="C65" s="7">
        <v>0</v>
      </c>
      <c r="D65" s="7">
        <v>0</v>
      </c>
      <c r="E65" s="7">
        <v>0</v>
      </c>
    </row>
    <row r="66" spans="1:5" x14ac:dyDescent="0.25">
      <c r="A66" s="2" t="s">
        <v>112</v>
      </c>
      <c r="B66" s="4" t="s">
        <v>530</v>
      </c>
      <c r="C66" s="7">
        <v>0</v>
      </c>
      <c r="D66" s="7">
        <v>0</v>
      </c>
      <c r="E66" s="7">
        <v>0</v>
      </c>
    </row>
    <row r="67" spans="1:5" x14ac:dyDescent="0.25">
      <c r="A67" s="2" t="s">
        <v>114</v>
      </c>
      <c r="B67" s="4" t="s">
        <v>531</v>
      </c>
      <c r="C67" s="7">
        <v>1564962126.8</v>
      </c>
      <c r="D67" s="7">
        <v>1472745626.1500001</v>
      </c>
      <c r="E67" s="7">
        <v>1432288944.1400001</v>
      </c>
    </row>
    <row r="69" spans="1:5" x14ac:dyDescent="0.25">
      <c r="A69" s="8" t="s">
        <v>6</v>
      </c>
      <c r="B69" s="8" t="s">
        <v>532</v>
      </c>
      <c r="C69" s="8" t="s">
        <v>533</v>
      </c>
    </row>
    <row r="70" spans="1:5" x14ac:dyDescent="0.25">
      <c r="A70" s="8" t="s">
        <v>5</v>
      </c>
      <c r="B70" s="8" t="s">
        <v>5</v>
      </c>
      <c r="C70" s="8" t="s">
        <v>5</v>
      </c>
    </row>
    <row r="71" spans="1:5" x14ac:dyDescent="0.25">
      <c r="A71" s="2" t="s">
        <v>116</v>
      </c>
      <c r="B71" s="4" t="s">
        <v>534</v>
      </c>
      <c r="C71" s="7">
        <v>1305238771.1900001</v>
      </c>
    </row>
    <row r="72" spans="1:5" x14ac:dyDescent="0.25">
      <c r="A72" s="2" t="s">
        <v>118</v>
      </c>
      <c r="B72" s="4" t="s">
        <v>535</v>
      </c>
      <c r="C72" s="7">
        <v>0</v>
      </c>
    </row>
    <row r="74" spans="1:5" x14ac:dyDescent="0.25">
      <c r="A74" s="8" t="s">
        <v>6</v>
      </c>
      <c r="B74" s="8" t="s">
        <v>536</v>
      </c>
      <c r="C74" s="8" t="s">
        <v>524</v>
      </c>
      <c r="D74" s="8" t="s">
        <v>525</v>
      </c>
      <c r="E74" s="8" t="s">
        <v>526</v>
      </c>
    </row>
    <row r="75" spans="1:5" x14ac:dyDescent="0.25">
      <c r="A75" s="8" t="s">
        <v>5</v>
      </c>
      <c r="B75" s="8" t="s">
        <v>5</v>
      </c>
      <c r="C75" s="8" t="s">
        <v>5</v>
      </c>
      <c r="D75" s="8" t="s">
        <v>5</v>
      </c>
      <c r="E75" s="8" t="s">
        <v>5</v>
      </c>
    </row>
    <row r="76" spans="1:5" x14ac:dyDescent="0.25">
      <c r="A76" s="2" t="s">
        <v>119</v>
      </c>
      <c r="B76" s="4" t="s">
        <v>537</v>
      </c>
      <c r="C76" s="7">
        <v>259723355.61000001</v>
      </c>
      <c r="D76" s="7">
        <v>167506854.96000001</v>
      </c>
      <c r="E76" s="7">
        <v>127050172.95</v>
      </c>
    </row>
    <row r="78" spans="1:5" x14ac:dyDescent="0.25">
      <c r="A78" s="8" t="s">
        <v>6</v>
      </c>
      <c r="B78" s="8" t="s">
        <v>538</v>
      </c>
      <c r="C78" s="8" t="s">
        <v>538</v>
      </c>
    </row>
    <row r="79" spans="1:5" x14ac:dyDescent="0.25">
      <c r="A79" s="8" t="s">
        <v>5</v>
      </c>
      <c r="B79" s="8" t="s">
        <v>5</v>
      </c>
      <c r="C79" s="8" t="s">
        <v>5</v>
      </c>
    </row>
    <row r="80" spans="1:5" x14ac:dyDescent="0.25">
      <c r="A80" s="2" t="s">
        <v>120</v>
      </c>
      <c r="B80" s="4" t="s">
        <v>539</v>
      </c>
      <c r="C80" s="7">
        <v>0</v>
      </c>
    </row>
    <row r="82" spans="1:12" x14ac:dyDescent="0.25">
      <c r="A82" s="8" t="s">
        <v>6</v>
      </c>
      <c r="B82" s="8" t="s">
        <v>540</v>
      </c>
      <c r="C82" s="8" t="s">
        <v>524</v>
      </c>
      <c r="D82" s="8" t="s">
        <v>525</v>
      </c>
    </row>
    <row r="83" spans="1:12" x14ac:dyDescent="0.25">
      <c r="A83" s="8" t="s">
        <v>5</v>
      </c>
      <c r="B83" s="8" t="s">
        <v>5</v>
      </c>
      <c r="C83" s="8" t="s">
        <v>5</v>
      </c>
      <c r="D83" s="8" t="s">
        <v>5</v>
      </c>
    </row>
    <row r="84" spans="1:12" x14ac:dyDescent="0.25">
      <c r="A84" s="2" t="s">
        <v>121</v>
      </c>
      <c r="B84" s="4" t="s">
        <v>541</v>
      </c>
      <c r="C84" s="7">
        <v>14.39</v>
      </c>
      <c r="D84" s="7">
        <v>13.54</v>
      </c>
    </row>
    <row r="86" spans="1:12" x14ac:dyDescent="0.25">
      <c r="A86" s="8" t="s">
        <v>6</v>
      </c>
      <c r="B86" s="8" t="s">
        <v>542</v>
      </c>
      <c r="C86" s="8" t="s">
        <v>543</v>
      </c>
      <c r="D86" s="8" t="s">
        <v>544</v>
      </c>
      <c r="E86" s="8" t="s">
        <v>5</v>
      </c>
      <c r="F86" s="8" t="s">
        <v>5</v>
      </c>
      <c r="G86" s="8" t="s">
        <v>548</v>
      </c>
    </row>
    <row r="87" spans="1:12" ht="21" x14ac:dyDescent="0.25">
      <c r="A87" s="8" t="s">
        <v>5</v>
      </c>
      <c r="B87" s="8" t="s">
        <v>5</v>
      </c>
      <c r="C87" s="8" t="s">
        <v>5</v>
      </c>
      <c r="D87" s="1" t="s">
        <v>545</v>
      </c>
      <c r="E87" s="1" t="s">
        <v>546</v>
      </c>
      <c r="F87" s="1" t="s">
        <v>547</v>
      </c>
      <c r="G87" s="8" t="s">
        <v>5</v>
      </c>
    </row>
    <row r="88" spans="1:12" x14ac:dyDescent="0.25">
      <c r="A88" s="2" t="s">
        <v>122</v>
      </c>
      <c r="B88" s="4" t="s">
        <v>549</v>
      </c>
      <c r="C88" s="7">
        <v>0</v>
      </c>
      <c r="D88" s="7">
        <v>0</v>
      </c>
      <c r="E88" s="7">
        <v>0</v>
      </c>
      <c r="F88" s="7">
        <v>0</v>
      </c>
      <c r="G88" s="7">
        <v>0</v>
      </c>
    </row>
    <row r="89" spans="1:12" x14ac:dyDescent="0.25">
      <c r="A89" s="2" t="s">
        <v>123</v>
      </c>
      <c r="B89" s="4" t="s">
        <v>550</v>
      </c>
      <c r="C89" s="7">
        <v>0</v>
      </c>
      <c r="D89" s="7">
        <v>0</v>
      </c>
      <c r="E89" s="7">
        <v>0</v>
      </c>
      <c r="F89" s="7">
        <v>0</v>
      </c>
      <c r="G89" s="7">
        <v>0</v>
      </c>
    </row>
    <row r="90" spans="1:12" x14ac:dyDescent="0.25">
      <c r="A90" s="2" t="s">
        <v>124</v>
      </c>
      <c r="B90" s="4" t="s">
        <v>551</v>
      </c>
      <c r="C90" s="7">
        <v>0</v>
      </c>
      <c r="D90" s="7">
        <v>0</v>
      </c>
      <c r="E90" s="7">
        <v>0</v>
      </c>
      <c r="F90" s="7">
        <v>0</v>
      </c>
      <c r="G90" s="7">
        <v>0</v>
      </c>
    </row>
    <row r="91" spans="1:12" x14ac:dyDescent="0.25">
      <c r="A91" s="2" t="s">
        <v>125</v>
      </c>
      <c r="B91" s="4" t="s">
        <v>552</v>
      </c>
      <c r="C91" s="7">
        <v>0</v>
      </c>
      <c r="D91" s="7">
        <v>0</v>
      </c>
      <c r="E91" s="7">
        <v>0</v>
      </c>
      <c r="F91" s="7">
        <v>0</v>
      </c>
      <c r="G91" s="7">
        <v>0</v>
      </c>
    </row>
    <row r="93" spans="1:12" x14ac:dyDescent="0.25">
      <c r="A93" s="8" t="s">
        <v>6</v>
      </c>
      <c r="B93" s="8" t="s">
        <v>553</v>
      </c>
      <c r="C93" s="8" t="s">
        <v>554</v>
      </c>
      <c r="D93" s="8" t="s">
        <v>555</v>
      </c>
      <c r="E93" s="8" t="s">
        <v>556</v>
      </c>
      <c r="F93" s="8" t="s">
        <v>557</v>
      </c>
      <c r="G93" s="8" t="s">
        <v>558</v>
      </c>
      <c r="H93" s="8" t="s">
        <v>559</v>
      </c>
      <c r="I93" s="8" t="s">
        <v>560</v>
      </c>
      <c r="J93" s="8" t="s">
        <v>561</v>
      </c>
      <c r="K93" s="8" t="s">
        <v>562</v>
      </c>
      <c r="L93" s="8" t="s">
        <v>563</v>
      </c>
    </row>
    <row r="94" spans="1:12" x14ac:dyDescent="0.25">
      <c r="A94" s="8" t="s">
        <v>5</v>
      </c>
      <c r="B94" s="8" t="s">
        <v>5</v>
      </c>
      <c r="C94" s="8" t="s">
        <v>5</v>
      </c>
      <c r="D94" s="8" t="s">
        <v>5</v>
      </c>
      <c r="E94" s="8" t="s">
        <v>5</v>
      </c>
      <c r="F94" s="8" t="s">
        <v>5</v>
      </c>
      <c r="G94" s="8" t="s">
        <v>5</v>
      </c>
      <c r="H94" s="8" t="s">
        <v>5</v>
      </c>
      <c r="I94" s="8" t="s">
        <v>5</v>
      </c>
      <c r="J94" s="8" t="s">
        <v>5</v>
      </c>
      <c r="K94" s="8" t="s">
        <v>5</v>
      </c>
      <c r="L94" s="8" t="s">
        <v>5</v>
      </c>
    </row>
    <row r="95" spans="1:12" x14ac:dyDescent="0.25">
      <c r="A95" s="2" t="s">
        <v>126</v>
      </c>
      <c r="B95" s="4" t="s">
        <v>564</v>
      </c>
      <c r="C95" s="7">
        <v>0</v>
      </c>
      <c r="D95" s="7">
        <v>0</v>
      </c>
      <c r="E95" s="7">
        <v>0</v>
      </c>
      <c r="F95" s="7">
        <v>0</v>
      </c>
      <c r="G95" s="7">
        <v>0</v>
      </c>
      <c r="H95" s="7">
        <v>0</v>
      </c>
      <c r="I95" s="7">
        <v>0</v>
      </c>
      <c r="J95" s="7">
        <v>0</v>
      </c>
      <c r="K95" s="7">
        <v>0</v>
      </c>
      <c r="L95" s="7">
        <v>0</v>
      </c>
    </row>
    <row r="96" spans="1:12" x14ac:dyDescent="0.25">
      <c r="A96" s="2" t="s">
        <v>128</v>
      </c>
      <c r="B96" s="4" t="s">
        <v>565</v>
      </c>
      <c r="C96" s="7">
        <v>0</v>
      </c>
      <c r="D96" s="7">
        <v>0</v>
      </c>
      <c r="E96" s="7">
        <v>0</v>
      </c>
      <c r="F96" s="7">
        <v>0</v>
      </c>
      <c r="G96" s="7">
        <v>0</v>
      </c>
      <c r="H96" s="7">
        <v>0</v>
      </c>
      <c r="I96" s="7">
        <v>0</v>
      </c>
      <c r="J96" s="7">
        <v>0</v>
      </c>
      <c r="K96" s="7">
        <v>0</v>
      </c>
      <c r="L96" s="7">
        <v>0</v>
      </c>
    </row>
    <row r="97" spans="1:12" x14ac:dyDescent="0.25">
      <c r="A97" s="2" t="s">
        <v>130</v>
      </c>
      <c r="B97" s="4" t="s">
        <v>566</v>
      </c>
      <c r="C97" s="7">
        <v>0</v>
      </c>
      <c r="D97" s="7">
        <v>0</v>
      </c>
      <c r="E97" s="7">
        <v>0</v>
      </c>
      <c r="F97" s="7">
        <v>0</v>
      </c>
      <c r="G97" s="7">
        <v>0</v>
      </c>
      <c r="H97" s="7">
        <v>0</v>
      </c>
      <c r="I97" s="7">
        <v>0</v>
      </c>
      <c r="J97" s="7">
        <v>0</v>
      </c>
      <c r="K97" s="7">
        <v>0</v>
      </c>
      <c r="L97" s="7">
        <v>0</v>
      </c>
    </row>
    <row r="98" spans="1:12" x14ac:dyDescent="0.25">
      <c r="A98" s="2" t="s">
        <v>132</v>
      </c>
      <c r="B98" s="4" t="s">
        <v>567</v>
      </c>
      <c r="C98" s="7">
        <v>0</v>
      </c>
      <c r="D98" s="7">
        <v>0</v>
      </c>
      <c r="E98" s="7">
        <v>0</v>
      </c>
      <c r="F98" s="7">
        <v>0</v>
      </c>
      <c r="G98" s="7">
        <v>0</v>
      </c>
      <c r="H98" s="7">
        <v>0</v>
      </c>
      <c r="I98" s="7">
        <v>0</v>
      </c>
      <c r="J98" s="7">
        <v>0</v>
      </c>
      <c r="K98" s="7">
        <v>0</v>
      </c>
      <c r="L98" s="7">
        <v>0</v>
      </c>
    </row>
    <row r="99" spans="1:12" x14ac:dyDescent="0.25">
      <c r="A99" s="2" t="s">
        <v>134</v>
      </c>
      <c r="B99" s="4" t="s">
        <v>568</v>
      </c>
      <c r="C99" s="7">
        <v>0</v>
      </c>
      <c r="D99" s="7">
        <v>0</v>
      </c>
      <c r="E99" s="7">
        <v>0</v>
      </c>
      <c r="F99" s="7">
        <v>0</v>
      </c>
      <c r="G99" s="7">
        <v>0</v>
      </c>
      <c r="H99" s="7">
        <v>0</v>
      </c>
      <c r="I99" s="7">
        <v>0</v>
      </c>
      <c r="J99" s="7">
        <v>0</v>
      </c>
      <c r="K99" s="7">
        <v>0</v>
      </c>
      <c r="L99" s="7">
        <v>0</v>
      </c>
    </row>
    <row r="101" spans="1:12" x14ac:dyDescent="0.25">
      <c r="A101" s="8" t="s">
        <v>6</v>
      </c>
      <c r="B101" s="8" t="s">
        <v>569</v>
      </c>
      <c r="C101" s="8" t="s">
        <v>570</v>
      </c>
    </row>
    <row r="102" spans="1:12" x14ac:dyDescent="0.25">
      <c r="A102" s="8" t="s">
        <v>5</v>
      </c>
      <c r="B102" s="8" t="s">
        <v>5</v>
      </c>
      <c r="C102" s="8" t="s">
        <v>5</v>
      </c>
    </row>
    <row r="103" spans="1:12" x14ac:dyDescent="0.25">
      <c r="A103" s="2" t="s">
        <v>136</v>
      </c>
      <c r="B103" s="4" t="s">
        <v>571</v>
      </c>
      <c r="C103" s="7">
        <v>0</v>
      </c>
    </row>
    <row r="104" spans="1:12" x14ac:dyDescent="0.25">
      <c r="A104" s="2" t="s">
        <v>138</v>
      </c>
      <c r="B104" s="4" t="s">
        <v>572</v>
      </c>
      <c r="C104" s="7">
        <v>0</v>
      </c>
    </row>
    <row r="105" spans="1:12" x14ac:dyDescent="0.25">
      <c r="A105" s="2" t="s">
        <v>140</v>
      </c>
      <c r="B105" s="4" t="s">
        <v>573</v>
      </c>
      <c r="C105" s="7">
        <v>0</v>
      </c>
    </row>
    <row r="107" spans="1:12" x14ac:dyDescent="0.25">
      <c r="A107" s="8" t="s">
        <v>6</v>
      </c>
      <c r="B107" s="8" t="s">
        <v>574</v>
      </c>
      <c r="C107" s="8" t="s">
        <v>575</v>
      </c>
      <c r="D107" s="8" t="s">
        <v>544</v>
      </c>
      <c r="E107" s="8" t="s">
        <v>5</v>
      </c>
      <c r="F107" s="8" t="s">
        <v>5</v>
      </c>
      <c r="G107" s="8" t="s">
        <v>579</v>
      </c>
    </row>
    <row r="108" spans="1:12" ht="21" x14ac:dyDescent="0.25">
      <c r="A108" s="8" t="s">
        <v>5</v>
      </c>
      <c r="B108" s="8" t="s">
        <v>5</v>
      </c>
      <c r="C108" s="8" t="s">
        <v>5</v>
      </c>
      <c r="D108" s="1" t="s">
        <v>576</v>
      </c>
      <c r="E108" s="1" t="s">
        <v>577</v>
      </c>
      <c r="F108" s="1" t="s">
        <v>578</v>
      </c>
      <c r="G108" s="8" t="s">
        <v>5</v>
      </c>
    </row>
    <row r="109" spans="1:12" x14ac:dyDescent="0.25">
      <c r="A109" s="2" t="s">
        <v>142</v>
      </c>
      <c r="B109" s="4" t="s">
        <v>580</v>
      </c>
      <c r="C109" s="7">
        <v>0</v>
      </c>
      <c r="D109" s="7">
        <v>0</v>
      </c>
      <c r="E109" s="7">
        <v>0</v>
      </c>
      <c r="F109" s="7">
        <v>0</v>
      </c>
      <c r="G109" s="7">
        <v>0</v>
      </c>
    </row>
    <row r="110" spans="1:12" x14ac:dyDescent="0.25">
      <c r="A110" s="2" t="s">
        <v>144</v>
      </c>
      <c r="B110" s="4" t="s">
        <v>581</v>
      </c>
      <c r="C110" s="7">
        <v>0</v>
      </c>
      <c r="D110" s="7">
        <v>0</v>
      </c>
      <c r="E110" s="7">
        <v>0</v>
      </c>
      <c r="F110" s="7">
        <v>0</v>
      </c>
      <c r="G110" s="7">
        <v>0</v>
      </c>
    </row>
    <row r="111" spans="1:12" x14ac:dyDescent="0.25">
      <c r="A111" s="2" t="s">
        <v>146</v>
      </c>
      <c r="B111" s="4" t="s">
        <v>582</v>
      </c>
      <c r="C111" s="7">
        <v>0</v>
      </c>
      <c r="D111" s="7">
        <v>0</v>
      </c>
      <c r="E111" s="7">
        <v>0</v>
      </c>
      <c r="F111" s="7">
        <v>0</v>
      </c>
      <c r="G111" s="7">
        <v>0</v>
      </c>
    </row>
    <row r="112" spans="1:12" x14ac:dyDescent="0.25">
      <c r="A112" s="2" t="s">
        <v>148</v>
      </c>
      <c r="B112" s="4" t="s">
        <v>583</v>
      </c>
      <c r="C112" s="7">
        <v>0</v>
      </c>
      <c r="D112" s="7">
        <v>0</v>
      </c>
      <c r="E112" s="7">
        <v>0</v>
      </c>
      <c r="F112" s="7">
        <v>0</v>
      </c>
      <c r="G112" s="7">
        <v>0</v>
      </c>
    </row>
    <row r="114" spans="1:11" x14ac:dyDescent="0.25">
      <c r="A114" s="8" t="s">
        <v>6</v>
      </c>
      <c r="B114" s="8" t="s">
        <v>584</v>
      </c>
      <c r="C114" s="8" t="s">
        <v>8</v>
      </c>
      <c r="D114" s="8" t="s">
        <v>9</v>
      </c>
      <c r="E114" s="8" t="s">
        <v>10</v>
      </c>
      <c r="F114" s="8" t="s">
        <v>10</v>
      </c>
    </row>
    <row r="115" spans="1:11" ht="21" x14ac:dyDescent="0.25">
      <c r="A115" s="8" t="s">
        <v>5</v>
      </c>
      <c r="B115" s="8" t="s">
        <v>5</v>
      </c>
      <c r="C115" s="8" t="s">
        <v>5</v>
      </c>
      <c r="D115" s="8" t="s">
        <v>5</v>
      </c>
      <c r="E115" s="1" t="s">
        <v>585</v>
      </c>
      <c r="F115" s="1" t="s">
        <v>478</v>
      </c>
    </row>
    <row r="116" spans="1:11" x14ac:dyDescent="0.25">
      <c r="A116" s="3" t="s">
        <v>150</v>
      </c>
      <c r="B116" s="5" t="s">
        <v>586</v>
      </c>
      <c r="C116" s="6">
        <v>324666100</v>
      </c>
      <c r="D116" s="6">
        <v>347466100</v>
      </c>
      <c r="E116" s="6">
        <v>350180638.25999999</v>
      </c>
      <c r="F116" s="6">
        <v>100.78</v>
      </c>
    </row>
    <row r="117" spans="1:11" x14ac:dyDescent="0.25">
      <c r="A117" s="2" t="s">
        <v>151</v>
      </c>
      <c r="B117" s="4" t="s">
        <v>587</v>
      </c>
      <c r="C117" s="7">
        <v>324666100</v>
      </c>
      <c r="D117" s="7">
        <v>347466100</v>
      </c>
      <c r="E117" s="7">
        <v>350180638.25999999</v>
      </c>
      <c r="F117" s="7">
        <v>100.78</v>
      </c>
    </row>
    <row r="118" spans="1:11" x14ac:dyDescent="0.25">
      <c r="A118" s="2" t="s">
        <v>152</v>
      </c>
      <c r="B118" s="4" t="s">
        <v>588</v>
      </c>
      <c r="C118" s="7">
        <v>0</v>
      </c>
      <c r="D118" s="7">
        <v>0</v>
      </c>
      <c r="E118" s="7">
        <v>0</v>
      </c>
      <c r="F118" s="7">
        <v>0</v>
      </c>
    </row>
    <row r="119" spans="1:11" x14ac:dyDescent="0.25">
      <c r="A119" s="2" t="s">
        <v>154</v>
      </c>
      <c r="B119" s="4" t="s">
        <v>589</v>
      </c>
      <c r="C119" s="7">
        <v>0</v>
      </c>
      <c r="D119" s="7">
        <v>0</v>
      </c>
      <c r="E119" s="7">
        <v>0</v>
      </c>
      <c r="F119" s="7">
        <v>0</v>
      </c>
    </row>
    <row r="120" spans="1:11" x14ac:dyDescent="0.25">
      <c r="A120" s="2" t="s">
        <v>156</v>
      </c>
      <c r="B120" s="4" t="s">
        <v>590</v>
      </c>
      <c r="C120" s="7">
        <v>0</v>
      </c>
      <c r="D120" s="7">
        <v>0</v>
      </c>
      <c r="E120" s="7">
        <v>0</v>
      </c>
      <c r="F120" s="7">
        <v>0</v>
      </c>
    </row>
    <row r="121" spans="1:11" x14ac:dyDescent="0.25">
      <c r="A121" s="2" t="s">
        <v>158</v>
      </c>
      <c r="B121" s="4" t="s">
        <v>591</v>
      </c>
      <c r="C121" s="7">
        <v>680100</v>
      </c>
      <c r="D121" s="7">
        <v>1237754</v>
      </c>
      <c r="E121" s="7">
        <v>777491.95</v>
      </c>
      <c r="F121" s="7">
        <v>62.81</v>
      </c>
    </row>
    <row r="122" spans="1:11" x14ac:dyDescent="0.25">
      <c r="A122" s="3" t="s">
        <v>160</v>
      </c>
      <c r="B122" s="5" t="s">
        <v>592</v>
      </c>
      <c r="C122" s="6">
        <v>325346200</v>
      </c>
      <c r="D122" s="6">
        <v>348703854</v>
      </c>
      <c r="E122" s="6">
        <v>350958130.20999998</v>
      </c>
      <c r="F122" s="6">
        <v>100.65</v>
      </c>
    </row>
    <row r="124" spans="1:11" x14ac:dyDescent="0.25">
      <c r="A124" s="8" t="s">
        <v>6</v>
      </c>
      <c r="B124" s="8" t="s">
        <v>593</v>
      </c>
      <c r="C124" s="8" t="s">
        <v>503</v>
      </c>
      <c r="D124" s="8" t="s">
        <v>504</v>
      </c>
      <c r="E124" s="8" t="s">
        <v>167</v>
      </c>
      <c r="F124" s="8" t="s">
        <v>5</v>
      </c>
      <c r="G124" s="8" t="s">
        <v>171</v>
      </c>
      <c r="H124" s="8" t="s">
        <v>5</v>
      </c>
      <c r="I124" s="8" t="s">
        <v>509</v>
      </c>
      <c r="J124" s="8" t="s">
        <v>5</v>
      </c>
      <c r="K124" s="8" t="s">
        <v>511</v>
      </c>
    </row>
    <row r="125" spans="1:11" ht="21" x14ac:dyDescent="0.25">
      <c r="A125" s="8" t="s">
        <v>5</v>
      </c>
      <c r="B125" s="8" t="s">
        <v>5</v>
      </c>
      <c r="C125" s="8" t="s">
        <v>5</v>
      </c>
      <c r="D125" s="8" t="s">
        <v>5</v>
      </c>
      <c r="E125" s="1" t="s">
        <v>505</v>
      </c>
      <c r="F125" s="1" t="s">
        <v>506</v>
      </c>
      <c r="G125" s="1" t="s">
        <v>507</v>
      </c>
      <c r="H125" s="1" t="s">
        <v>594</v>
      </c>
      <c r="I125" s="1" t="s">
        <v>169</v>
      </c>
      <c r="J125" s="1" t="s">
        <v>595</v>
      </c>
      <c r="K125" s="8" t="s">
        <v>5</v>
      </c>
    </row>
    <row r="126" spans="1:11" x14ac:dyDescent="0.25">
      <c r="A126" s="3" t="s">
        <v>162</v>
      </c>
      <c r="B126" s="5" t="s">
        <v>596</v>
      </c>
      <c r="C126" s="6">
        <v>0</v>
      </c>
      <c r="D126" s="6">
        <v>0</v>
      </c>
      <c r="E126" s="6">
        <v>0</v>
      </c>
      <c r="F126" s="6">
        <v>0</v>
      </c>
      <c r="G126" s="6">
        <v>0</v>
      </c>
      <c r="H126" s="6">
        <v>0</v>
      </c>
      <c r="I126" s="6">
        <v>0</v>
      </c>
      <c r="J126" s="6">
        <v>0</v>
      </c>
      <c r="K126" s="6">
        <v>0</v>
      </c>
    </row>
    <row r="127" spans="1:11" x14ac:dyDescent="0.25">
      <c r="A127" s="2" t="s">
        <v>177</v>
      </c>
      <c r="B127" s="4" t="s">
        <v>513</v>
      </c>
      <c r="C127" s="7">
        <v>0</v>
      </c>
      <c r="D127" s="7">
        <v>0</v>
      </c>
      <c r="E127" s="7">
        <v>0</v>
      </c>
      <c r="F127" s="7">
        <v>0</v>
      </c>
      <c r="G127" s="7">
        <v>0</v>
      </c>
      <c r="H127" s="7">
        <v>0</v>
      </c>
      <c r="I127" s="7">
        <v>0</v>
      </c>
      <c r="J127" s="7">
        <v>0</v>
      </c>
      <c r="K127" s="7">
        <v>0</v>
      </c>
    </row>
    <row r="128" spans="1:11" x14ac:dyDescent="0.25">
      <c r="A128" s="2" t="s">
        <v>179</v>
      </c>
      <c r="B128" s="4" t="s">
        <v>514</v>
      </c>
      <c r="C128" s="7">
        <v>0</v>
      </c>
      <c r="D128" s="7">
        <v>0</v>
      </c>
      <c r="E128" s="7">
        <v>0</v>
      </c>
      <c r="F128" s="7">
        <v>0</v>
      </c>
      <c r="G128" s="7">
        <v>0</v>
      </c>
      <c r="H128" s="7">
        <v>0</v>
      </c>
      <c r="I128" s="7">
        <v>0</v>
      </c>
      <c r="J128" s="7">
        <v>0</v>
      </c>
      <c r="K128" s="7">
        <v>0</v>
      </c>
    </row>
    <row r="129" spans="1:11" x14ac:dyDescent="0.25">
      <c r="A129" s="3" t="s">
        <v>181</v>
      </c>
      <c r="B129" s="5" t="s">
        <v>597</v>
      </c>
      <c r="C129" s="6">
        <v>272245800</v>
      </c>
      <c r="D129" s="6">
        <v>405068508.97000003</v>
      </c>
      <c r="E129" s="6">
        <v>252337680.66</v>
      </c>
      <c r="F129" s="6">
        <v>62.3</v>
      </c>
      <c r="G129" s="6">
        <v>224495084.5</v>
      </c>
      <c r="H129" s="6">
        <v>55.42</v>
      </c>
      <c r="I129" s="6">
        <v>224249178.96000001</v>
      </c>
      <c r="J129" s="6">
        <v>55.36</v>
      </c>
      <c r="K129" s="6">
        <v>27842596.16</v>
      </c>
    </row>
    <row r="130" spans="1:11" x14ac:dyDescent="0.25">
      <c r="A130" s="2" t="s">
        <v>183</v>
      </c>
      <c r="B130" s="4" t="s">
        <v>513</v>
      </c>
      <c r="C130" s="7">
        <v>192406500</v>
      </c>
      <c r="D130" s="7">
        <v>286762910.80000001</v>
      </c>
      <c r="E130" s="7">
        <v>242509909.19</v>
      </c>
      <c r="F130" s="7">
        <v>84.57</v>
      </c>
      <c r="G130" s="7">
        <v>215680123.88</v>
      </c>
      <c r="H130" s="7">
        <v>75.209999999999994</v>
      </c>
      <c r="I130" s="7">
        <v>215434218.34</v>
      </c>
      <c r="J130" s="7">
        <v>75.13</v>
      </c>
      <c r="K130" s="7">
        <v>26829785.309999999</v>
      </c>
    </row>
    <row r="131" spans="1:11" x14ac:dyDescent="0.25">
      <c r="A131" s="2" t="s">
        <v>185</v>
      </c>
      <c r="B131" s="4" t="s">
        <v>516</v>
      </c>
      <c r="C131" s="7">
        <v>79839300</v>
      </c>
      <c r="D131" s="7">
        <v>118305598.17</v>
      </c>
      <c r="E131" s="7">
        <v>9827771.4700000007</v>
      </c>
      <c r="F131" s="7">
        <v>8.31</v>
      </c>
      <c r="G131" s="7">
        <v>8814960.6199999992</v>
      </c>
      <c r="H131" s="7">
        <v>7.45</v>
      </c>
      <c r="I131" s="7">
        <v>8814960.6199999992</v>
      </c>
      <c r="J131" s="7">
        <v>7.45</v>
      </c>
      <c r="K131" s="7">
        <v>1012810.85</v>
      </c>
    </row>
    <row r="132" spans="1:11" x14ac:dyDescent="0.25">
      <c r="A132" s="3" t="s">
        <v>187</v>
      </c>
      <c r="B132" s="5" t="s">
        <v>598</v>
      </c>
      <c r="C132" s="6">
        <v>32466400</v>
      </c>
      <c r="D132" s="6">
        <v>26754099</v>
      </c>
      <c r="E132" s="6">
        <v>13738752.6</v>
      </c>
      <c r="F132" s="6">
        <v>51.35</v>
      </c>
      <c r="G132" s="6">
        <v>13188408.289999999</v>
      </c>
      <c r="H132" s="6">
        <v>49.29</v>
      </c>
      <c r="I132" s="6">
        <v>13185804.289999999</v>
      </c>
      <c r="J132" s="6">
        <v>49.29</v>
      </c>
      <c r="K132" s="6">
        <v>550344.31000000006</v>
      </c>
    </row>
    <row r="133" spans="1:11" x14ac:dyDescent="0.25">
      <c r="A133" s="2" t="s">
        <v>189</v>
      </c>
      <c r="B133" s="4" t="s">
        <v>513</v>
      </c>
      <c r="C133" s="7">
        <v>32466400</v>
      </c>
      <c r="D133" s="7">
        <v>26754099</v>
      </c>
      <c r="E133" s="7">
        <v>13738752.6</v>
      </c>
      <c r="F133" s="7">
        <v>51.35</v>
      </c>
      <c r="G133" s="7">
        <v>13188408.289999999</v>
      </c>
      <c r="H133" s="7">
        <v>49.29</v>
      </c>
      <c r="I133" s="7">
        <v>13185804.289999999</v>
      </c>
      <c r="J133" s="7">
        <v>49.29</v>
      </c>
      <c r="K133" s="7">
        <v>550344.31000000006</v>
      </c>
    </row>
    <row r="134" spans="1:11" x14ac:dyDescent="0.25">
      <c r="A134" s="2" t="s">
        <v>191</v>
      </c>
      <c r="B134" s="4" t="s">
        <v>516</v>
      </c>
      <c r="C134" s="7">
        <v>0</v>
      </c>
      <c r="D134" s="7">
        <v>0</v>
      </c>
      <c r="E134" s="7">
        <v>0</v>
      </c>
      <c r="F134" s="7">
        <v>0</v>
      </c>
      <c r="G134" s="7">
        <v>0</v>
      </c>
      <c r="H134" s="7">
        <v>0</v>
      </c>
      <c r="I134" s="7">
        <v>0</v>
      </c>
      <c r="J134" s="7">
        <v>0</v>
      </c>
      <c r="K134" s="7">
        <v>0</v>
      </c>
    </row>
    <row r="135" spans="1:11" x14ac:dyDescent="0.25">
      <c r="A135" s="3" t="s">
        <v>193</v>
      </c>
      <c r="B135" s="5" t="s">
        <v>599</v>
      </c>
      <c r="C135" s="6">
        <v>1982000</v>
      </c>
      <c r="D135" s="6">
        <v>1982000</v>
      </c>
      <c r="E135" s="6">
        <v>119246.88</v>
      </c>
      <c r="F135" s="6">
        <v>6.02</v>
      </c>
      <c r="G135" s="6">
        <v>99232.3</v>
      </c>
      <c r="H135" s="6">
        <v>5.01</v>
      </c>
      <c r="I135" s="6">
        <v>99232.3</v>
      </c>
      <c r="J135" s="6">
        <v>5.01</v>
      </c>
      <c r="K135" s="6">
        <v>20014.580000000002</v>
      </c>
    </row>
    <row r="136" spans="1:11" x14ac:dyDescent="0.25">
      <c r="A136" s="2" t="s">
        <v>195</v>
      </c>
      <c r="B136" s="4" t="s">
        <v>513</v>
      </c>
      <c r="C136" s="7">
        <v>1982000</v>
      </c>
      <c r="D136" s="7">
        <v>1982000</v>
      </c>
      <c r="E136" s="7">
        <v>119246.88</v>
      </c>
      <c r="F136" s="7">
        <v>6.02</v>
      </c>
      <c r="G136" s="7">
        <v>99232.3</v>
      </c>
      <c r="H136" s="7">
        <v>5.01</v>
      </c>
      <c r="I136" s="7">
        <v>99232.3</v>
      </c>
      <c r="J136" s="7">
        <v>5.01</v>
      </c>
      <c r="K136" s="7">
        <v>20014.580000000002</v>
      </c>
    </row>
    <row r="137" spans="1:11" x14ac:dyDescent="0.25">
      <c r="A137" s="2" t="s">
        <v>197</v>
      </c>
      <c r="B137" s="4" t="s">
        <v>516</v>
      </c>
      <c r="C137" s="7">
        <v>0</v>
      </c>
      <c r="D137" s="7">
        <v>0</v>
      </c>
      <c r="E137" s="7">
        <v>0</v>
      </c>
      <c r="F137" s="7">
        <v>0</v>
      </c>
      <c r="G137" s="7">
        <v>0</v>
      </c>
      <c r="H137" s="7">
        <v>0</v>
      </c>
      <c r="I137" s="7">
        <v>0</v>
      </c>
      <c r="J137" s="7">
        <v>0</v>
      </c>
      <c r="K137" s="7">
        <v>0</v>
      </c>
    </row>
    <row r="138" spans="1:11" x14ac:dyDescent="0.25">
      <c r="A138" s="3" t="s">
        <v>199</v>
      </c>
      <c r="B138" s="5" t="s">
        <v>600</v>
      </c>
      <c r="C138" s="6">
        <v>16066600</v>
      </c>
      <c r="D138" s="6">
        <v>92949423.579999998</v>
      </c>
      <c r="E138" s="6">
        <v>54336934.460000001</v>
      </c>
      <c r="F138" s="6">
        <v>58.46</v>
      </c>
      <c r="G138" s="6">
        <v>48095208.270000003</v>
      </c>
      <c r="H138" s="6">
        <v>51.74</v>
      </c>
      <c r="I138" s="6">
        <v>47643641.909999996</v>
      </c>
      <c r="J138" s="6">
        <v>51.26</v>
      </c>
      <c r="K138" s="6">
        <v>6241726.1900000004</v>
      </c>
    </row>
    <row r="139" spans="1:11" x14ac:dyDescent="0.25">
      <c r="A139" s="2" t="s">
        <v>201</v>
      </c>
      <c r="B139" s="4" t="s">
        <v>513</v>
      </c>
      <c r="C139" s="7">
        <v>15033500</v>
      </c>
      <c r="D139" s="7">
        <v>84998209.579999998</v>
      </c>
      <c r="E139" s="7">
        <v>53813983.140000001</v>
      </c>
      <c r="F139" s="7">
        <v>63.31</v>
      </c>
      <c r="G139" s="7">
        <v>47572256.950000003</v>
      </c>
      <c r="H139" s="7">
        <v>55.97</v>
      </c>
      <c r="I139" s="7">
        <v>47120690.590000004</v>
      </c>
      <c r="J139" s="7">
        <v>55.44</v>
      </c>
      <c r="K139" s="7">
        <v>6241726.1900000004</v>
      </c>
    </row>
    <row r="140" spans="1:11" x14ac:dyDescent="0.25">
      <c r="A140" s="2" t="s">
        <v>203</v>
      </c>
      <c r="B140" s="4" t="s">
        <v>516</v>
      </c>
      <c r="C140" s="7">
        <v>1033100</v>
      </c>
      <c r="D140" s="7">
        <v>7951214</v>
      </c>
      <c r="E140" s="7">
        <v>522951.32</v>
      </c>
      <c r="F140" s="7">
        <v>6.58</v>
      </c>
      <c r="G140" s="7">
        <v>522951.32</v>
      </c>
      <c r="H140" s="7">
        <v>6.58</v>
      </c>
      <c r="I140" s="7">
        <v>522951.32</v>
      </c>
      <c r="J140" s="7">
        <v>6.58</v>
      </c>
      <c r="K140" s="7">
        <v>0</v>
      </c>
    </row>
    <row r="141" spans="1:11" x14ac:dyDescent="0.25">
      <c r="A141" s="3" t="s">
        <v>205</v>
      </c>
      <c r="B141" s="5" t="s">
        <v>601</v>
      </c>
      <c r="C141" s="6">
        <v>302500</v>
      </c>
      <c r="D141" s="6">
        <v>302500</v>
      </c>
      <c r="E141" s="6">
        <v>222296.85</v>
      </c>
      <c r="F141" s="6">
        <v>73.489999999999995</v>
      </c>
      <c r="G141" s="6">
        <v>1606.85</v>
      </c>
      <c r="H141" s="6">
        <v>0.53</v>
      </c>
      <c r="I141" s="6">
        <v>1606.85</v>
      </c>
      <c r="J141" s="6">
        <v>0.53</v>
      </c>
      <c r="K141" s="6">
        <v>220690</v>
      </c>
    </row>
    <row r="142" spans="1:11" x14ac:dyDescent="0.25">
      <c r="A142" s="2" t="s">
        <v>207</v>
      </c>
      <c r="B142" s="4" t="s">
        <v>513</v>
      </c>
      <c r="C142" s="7">
        <v>302500</v>
      </c>
      <c r="D142" s="7">
        <v>302500</v>
      </c>
      <c r="E142" s="7">
        <v>222296.85</v>
      </c>
      <c r="F142" s="7">
        <v>73.489999999999995</v>
      </c>
      <c r="G142" s="7">
        <v>1606.85</v>
      </c>
      <c r="H142" s="7">
        <v>0.53</v>
      </c>
      <c r="I142" s="7">
        <v>1606.85</v>
      </c>
      <c r="J142" s="7">
        <v>0.53</v>
      </c>
      <c r="K142" s="7">
        <v>220690</v>
      </c>
    </row>
    <row r="143" spans="1:11" x14ac:dyDescent="0.25">
      <c r="A143" s="2" t="s">
        <v>209</v>
      </c>
      <c r="B143" s="4" t="s">
        <v>516</v>
      </c>
      <c r="C143" s="7">
        <v>0</v>
      </c>
      <c r="D143" s="7">
        <v>0</v>
      </c>
      <c r="E143" s="7">
        <v>0</v>
      </c>
      <c r="F143" s="7">
        <v>0</v>
      </c>
      <c r="G143" s="7">
        <v>0</v>
      </c>
      <c r="H143" s="7">
        <v>0</v>
      </c>
      <c r="I143" s="7">
        <v>0</v>
      </c>
      <c r="J143" s="7">
        <v>0</v>
      </c>
      <c r="K143" s="7">
        <v>0</v>
      </c>
    </row>
    <row r="144" spans="1:11" x14ac:dyDescent="0.25">
      <c r="A144" s="3" t="s">
        <v>211</v>
      </c>
      <c r="B144" s="5" t="s">
        <v>602</v>
      </c>
      <c r="C144" s="6">
        <v>2282900</v>
      </c>
      <c r="D144" s="6">
        <v>2419900</v>
      </c>
      <c r="E144" s="6">
        <v>1519671.77</v>
      </c>
      <c r="F144" s="6">
        <v>62.8</v>
      </c>
      <c r="G144" s="6">
        <v>1085058.48</v>
      </c>
      <c r="H144" s="6">
        <v>44.84</v>
      </c>
      <c r="I144" s="6">
        <v>1081051.18</v>
      </c>
      <c r="J144" s="6">
        <v>44.67</v>
      </c>
      <c r="K144" s="6">
        <v>434613.29</v>
      </c>
    </row>
    <row r="145" spans="1:11" x14ac:dyDescent="0.25">
      <c r="A145" s="2" t="s">
        <v>213</v>
      </c>
      <c r="B145" s="4" t="s">
        <v>513</v>
      </c>
      <c r="C145" s="7">
        <v>1974200</v>
      </c>
      <c r="D145" s="7">
        <v>2111200</v>
      </c>
      <c r="E145" s="7">
        <v>1516386.84</v>
      </c>
      <c r="F145" s="7">
        <v>71.83</v>
      </c>
      <c r="G145" s="7">
        <v>1085058.48</v>
      </c>
      <c r="H145" s="7">
        <v>51.4</v>
      </c>
      <c r="I145" s="7">
        <v>1081051.18</v>
      </c>
      <c r="J145" s="7">
        <v>51.21</v>
      </c>
      <c r="K145" s="7">
        <v>431328.36</v>
      </c>
    </row>
    <row r="146" spans="1:11" x14ac:dyDescent="0.25">
      <c r="A146" s="2" t="s">
        <v>215</v>
      </c>
      <c r="B146" s="4" t="s">
        <v>516</v>
      </c>
      <c r="C146" s="7">
        <v>308700</v>
      </c>
      <c r="D146" s="7">
        <v>308700</v>
      </c>
      <c r="E146" s="7">
        <v>3284.93</v>
      </c>
      <c r="F146" s="7">
        <v>1.06</v>
      </c>
      <c r="G146" s="7">
        <v>0</v>
      </c>
      <c r="H146" s="7">
        <v>0</v>
      </c>
      <c r="I146" s="7">
        <v>0</v>
      </c>
      <c r="J146" s="7">
        <v>0</v>
      </c>
      <c r="K146" s="7">
        <v>3284.93</v>
      </c>
    </row>
    <row r="147" spans="1:11" x14ac:dyDescent="0.25">
      <c r="A147" s="3" t="s">
        <v>216</v>
      </c>
      <c r="B147" s="5" t="s">
        <v>603</v>
      </c>
      <c r="C147" s="6">
        <v>325346200</v>
      </c>
      <c r="D147" s="6">
        <v>529476431.55000001</v>
      </c>
      <c r="E147" s="6">
        <v>322274583.22000003</v>
      </c>
      <c r="F147" s="6">
        <v>60.87</v>
      </c>
      <c r="G147" s="6">
        <v>286964598.69</v>
      </c>
      <c r="H147" s="6">
        <v>54.2</v>
      </c>
      <c r="I147" s="6">
        <v>286260515.49000001</v>
      </c>
      <c r="J147" s="6">
        <v>54.06</v>
      </c>
      <c r="K147" s="6">
        <v>35309984.530000001</v>
      </c>
    </row>
    <row r="149" spans="1:11" x14ac:dyDescent="0.25">
      <c r="A149" s="8" t="s">
        <v>6</v>
      </c>
      <c r="B149" s="8" t="s">
        <v>604</v>
      </c>
      <c r="C149" s="8" t="s">
        <v>503</v>
      </c>
      <c r="D149" s="8" t="s">
        <v>504</v>
      </c>
      <c r="E149" s="8" t="s">
        <v>167</v>
      </c>
      <c r="F149" s="8" t="s">
        <v>5</v>
      </c>
      <c r="G149" s="8" t="s">
        <v>171</v>
      </c>
      <c r="H149" s="8" t="s">
        <v>5</v>
      </c>
      <c r="I149" s="8" t="s">
        <v>509</v>
      </c>
      <c r="J149" s="8" t="s">
        <v>5</v>
      </c>
      <c r="K149" s="8" t="s">
        <v>511</v>
      </c>
    </row>
    <row r="150" spans="1:11" ht="21" x14ac:dyDescent="0.25">
      <c r="A150" s="8" t="s">
        <v>5</v>
      </c>
      <c r="B150" s="8" t="s">
        <v>5</v>
      </c>
      <c r="C150" s="8" t="s">
        <v>5</v>
      </c>
      <c r="D150" s="8" t="s">
        <v>5</v>
      </c>
      <c r="E150" s="1" t="s">
        <v>505</v>
      </c>
      <c r="F150" s="1" t="s">
        <v>506</v>
      </c>
      <c r="G150" s="1" t="s">
        <v>605</v>
      </c>
      <c r="H150" s="1" t="s">
        <v>594</v>
      </c>
      <c r="I150" s="1" t="s">
        <v>169</v>
      </c>
      <c r="J150" s="1" t="s">
        <v>595</v>
      </c>
      <c r="K150" s="8" t="s">
        <v>5</v>
      </c>
    </row>
    <row r="151" spans="1:11" x14ac:dyDescent="0.25">
      <c r="A151" s="2" t="s">
        <v>217</v>
      </c>
      <c r="B151" s="4" t="s">
        <v>606</v>
      </c>
      <c r="C151" s="7">
        <v>70490200</v>
      </c>
      <c r="D151" s="7">
        <v>65907921</v>
      </c>
      <c r="E151" s="7">
        <v>65857919.530000001</v>
      </c>
      <c r="F151" s="7">
        <v>99.92</v>
      </c>
      <c r="G151" s="7">
        <v>59283040.170000002</v>
      </c>
      <c r="H151" s="7">
        <v>89.95</v>
      </c>
      <c r="I151" s="7">
        <v>59280040.170000002</v>
      </c>
      <c r="J151" s="7">
        <v>89.94</v>
      </c>
      <c r="K151" s="7">
        <v>6574879.3600000003</v>
      </c>
    </row>
    <row r="152" spans="1:11" x14ac:dyDescent="0.25">
      <c r="A152" s="2" t="s">
        <v>219</v>
      </c>
      <c r="B152" s="4" t="s">
        <v>607</v>
      </c>
      <c r="C152" s="7">
        <v>962870800</v>
      </c>
      <c r="D152" s="7">
        <v>946070650.47000003</v>
      </c>
      <c r="E152" s="7">
        <v>788592659.32000005</v>
      </c>
      <c r="F152" s="7">
        <v>83.35</v>
      </c>
      <c r="G152" s="7">
        <v>715857933.20000005</v>
      </c>
      <c r="H152" s="7">
        <v>75.67</v>
      </c>
      <c r="I152" s="7">
        <v>698361660.28999996</v>
      </c>
      <c r="J152" s="7">
        <v>73.819999999999993</v>
      </c>
      <c r="K152" s="7">
        <v>72734726.120000005</v>
      </c>
    </row>
    <row r="153" spans="1:11" x14ac:dyDescent="0.25">
      <c r="A153" s="2" t="s">
        <v>221</v>
      </c>
      <c r="B153" s="4" t="s">
        <v>608</v>
      </c>
      <c r="C153" s="7">
        <v>86673100</v>
      </c>
      <c r="D153" s="7">
        <v>76421071</v>
      </c>
      <c r="E153" s="7">
        <v>63372523.200000003</v>
      </c>
      <c r="F153" s="7">
        <v>82.93</v>
      </c>
      <c r="G153" s="7">
        <v>44415670.030000001</v>
      </c>
      <c r="H153" s="7">
        <v>58.12</v>
      </c>
      <c r="I153" s="7">
        <v>44031402.979999997</v>
      </c>
      <c r="J153" s="7">
        <v>57.62</v>
      </c>
      <c r="K153" s="7">
        <v>18956853.170000002</v>
      </c>
    </row>
    <row r="154" spans="1:11" x14ac:dyDescent="0.25">
      <c r="A154" s="2" t="s">
        <v>223</v>
      </c>
      <c r="B154" s="4" t="s">
        <v>609</v>
      </c>
      <c r="C154" s="7">
        <v>1982000</v>
      </c>
      <c r="D154" s="7">
        <v>2360791</v>
      </c>
      <c r="E154" s="7">
        <v>498037.44</v>
      </c>
      <c r="F154" s="7">
        <v>21.1</v>
      </c>
      <c r="G154" s="7">
        <v>478022.86</v>
      </c>
      <c r="H154" s="7">
        <v>20.25</v>
      </c>
      <c r="I154" s="7">
        <v>478022.86</v>
      </c>
      <c r="J154" s="7">
        <v>20.25</v>
      </c>
      <c r="K154" s="7">
        <v>20014.580000000002</v>
      </c>
    </row>
    <row r="155" spans="1:11" x14ac:dyDescent="0.25">
      <c r="A155" s="2" t="s">
        <v>226</v>
      </c>
      <c r="B155" s="4" t="s">
        <v>610</v>
      </c>
      <c r="C155" s="7">
        <v>32947500</v>
      </c>
      <c r="D155" s="7">
        <v>257817454.58000001</v>
      </c>
      <c r="E155" s="7">
        <v>211763040.81999999</v>
      </c>
      <c r="F155" s="7">
        <v>82.14</v>
      </c>
      <c r="G155" s="7">
        <v>193215639.63</v>
      </c>
      <c r="H155" s="7">
        <v>82.14</v>
      </c>
      <c r="I155" s="7">
        <v>191375929.28</v>
      </c>
      <c r="J155" s="7">
        <v>82.14</v>
      </c>
      <c r="K155" s="7">
        <v>18547401.190000001</v>
      </c>
    </row>
    <row r="156" spans="1:11" x14ac:dyDescent="0.25">
      <c r="A156" s="2" t="s">
        <v>228</v>
      </c>
      <c r="B156" s="4" t="s">
        <v>611</v>
      </c>
      <c r="C156" s="7">
        <v>34239500</v>
      </c>
      <c r="D156" s="7">
        <v>32709442</v>
      </c>
      <c r="E156" s="7">
        <v>32629238.850000001</v>
      </c>
      <c r="F156" s="7">
        <v>99.75</v>
      </c>
      <c r="G156" s="7">
        <v>29534860.09</v>
      </c>
      <c r="H156" s="7">
        <v>90.29</v>
      </c>
      <c r="I156" s="7">
        <v>29534860.09</v>
      </c>
      <c r="J156" s="7">
        <v>90.29</v>
      </c>
      <c r="K156" s="7">
        <v>3094378.76</v>
      </c>
    </row>
    <row r="157" spans="1:11" x14ac:dyDescent="0.25">
      <c r="A157" s="2" t="s">
        <v>230</v>
      </c>
      <c r="B157" s="4" t="s">
        <v>612</v>
      </c>
      <c r="C157" s="7">
        <v>364678300</v>
      </c>
      <c r="D157" s="7">
        <v>728074861.79999995</v>
      </c>
      <c r="E157" s="7">
        <v>724523290.86000001</v>
      </c>
      <c r="F157" s="7">
        <v>99.51</v>
      </c>
      <c r="G157" s="7">
        <v>716925058.86000001</v>
      </c>
      <c r="H157" s="7">
        <v>98.47</v>
      </c>
      <c r="I157" s="7">
        <v>695487543.96000004</v>
      </c>
      <c r="J157" s="7">
        <v>95.52</v>
      </c>
      <c r="K157" s="7">
        <v>7598232</v>
      </c>
    </row>
    <row r="158" spans="1:11" x14ac:dyDescent="0.25">
      <c r="A158" s="2" t="s">
        <v>232</v>
      </c>
      <c r="B158" s="4" t="s">
        <v>613</v>
      </c>
      <c r="C158" s="7">
        <v>1553881400</v>
      </c>
      <c r="D158" s="7">
        <v>2109362191.8499999</v>
      </c>
      <c r="E158" s="7">
        <v>1887236710.02</v>
      </c>
      <c r="F158" s="7">
        <v>89.47</v>
      </c>
      <c r="G158" s="7">
        <v>1759710224.8399999</v>
      </c>
      <c r="H158" s="7">
        <v>83.42</v>
      </c>
      <c r="I158" s="7">
        <v>1718549459.6300001</v>
      </c>
      <c r="J158" s="7">
        <v>81.47</v>
      </c>
      <c r="K158" s="7">
        <v>127526485.18000001</v>
      </c>
    </row>
    <row r="159" spans="1:11" x14ac:dyDescent="0.25">
      <c r="A159" s="2" t="s">
        <v>234</v>
      </c>
      <c r="B159" s="4" t="s">
        <v>614</v>
      </c>
      <c r="C159" s="7">
        <v>325346200</v>
      </c>
      <c r="D159" s="7">
        <v>529476431.55000001</v>
      </c>
      <c r="E159" s="7">
        <v>322274583.22000003</v>
      </c>
      <c r="F159" s="7">
        <v>60.87</v>
      </c>
      <c r="G159" s="7">
        <v>286964598.69</v>
      </c>
      <c r="H159" s="7">
        <v>54.2</v>
      </c>
      <c r="I159" s="7">
        <v>286260515.49000001</v>
      </c>
      <c r="J159" s="7">
        <v>54.06</v>
      </c>
      <c r="K159" s="7">
        <v>35309984.530000001</v>
      </c>
    </row>
    <row r="160" spans="1:11" x14ac:dyDescent="0.25">
      <c r="A160" s="2" t="s">
        <v>236</v>
      </c>
      <c r="B160" s="4" t="s">
        <v>615</v>
      </c>
      <c r="C160" s="7">
        <v>1228535200</v>
      </c>
      <c r="D160" s="7">
        <v>1579885760.3</v>
      </c>
      <c r="E160" s="7">
        <v>1564962126.8</v>
      </c>
      <c r="F160" s="7">
        <v>99.06</v>
      </c>
      <c r="G160" s="7">
        <v>1472745626.1500001</v>
      </c>
      <c r="H160" s="7">
        <v>93.22</v>
      </c>
      <c r="I160" s="7">
        <v>1432288944.1400001</v>
      </c>
      <c r="J160" s="7">
        <v>90.66</v>
      </c>
      <c r="K160" s="7">
        <v>92216500.650000006</v>
      </c>
    </row>
  </sheetData>
  <mergeCells count="85">
    <mergeCell ref="A3:L3"/>
    <mergeCell ref="A4:L4"/>
    <mergeCell ref="A5:L5"/>
    <mergeCell ref="A6:L6"/>
    <mergeCell ref="A7:L7"/>
    <mergeCell ref="A9:L9"/>
    <mergeCell ref="A10:A11"/>
    <mergeCell ref="B10:B11"/>
    <mergeCell ref="C10:C11"/>
    <mergeCell ref="D10:D11"/>
    <mergeCell ref="E10:F10"/>
    <mergeCell ref="G36:H36"/>
    <mergeCell ref="I36:J36"/>
    <mergeCell ref="K36:K37"/>
    <mergeCell ref="A61:A62"/>
    <mergeCell ref="B61:B62"/>
    <mergeCell ref="C61:C62"/>
    <mergeCell ref="D61:D62"/>
    <mergeCell ref="E61:E62"/>
    <mergeCell ref="A36:A37"/>
    <mergeCell ref="B36:B37"/>
    <mergeCell ref="C36:C37"/>
    <mergeCell ref="D36:D37"/>
    <mergeCell ref="E36:F36"/>
    <mergeCell ref="A69:A70"/>
    <mergeCell ref="B69:B70"/>
    <mergeCell ref="C69:C70"/>
    <mergeCell ref="A74:A75"/>
    <mergeCell ref="B74:B75"/>
    <mergeCell ref="C74:C75"/>
    <mergeCell ref="D74:D75"/>
    <mergeCell ref="E74:E75"/>
    <mergeCell ref="A78:A79"/>
    <mergeCell ref="B78:B79"/>
    <mergeCell ref="C78:C79"/>
    <mergeCell ref="A82:A83"/>
    <mergeCell ref="B82:B83"/>
    <mergeCell ref="C82:C83"/>
    <mergeCell ref="D82:D83"/>
    <mergeCell ref="A86:A87"/>
    <mergeCell ref="B86:B87"/>
    <mergeCell ref="C86:C87"/>
    <mergeCell ref="D86:F86"/>
    <mergeCell ref="G86:G87"/>
    <mergeCell ref="A93:A94"/>
    <mergeCell ref="B93:B94"/>
    <mergeCell ref="C93:C94"/>
    <mergeCell ref="D93:D94"/>
    <mergeCell ref="E93:E94"/>
    <mergeCell ref="F93:F94"/>
    <mergeCell ref="G93:G94"/>
    <mergeCell ref="H93:H94"/>
    <mergeCell ref="I93:I94"/>
    <mergeCell ref="J93:J94"/>
    <mergeCell ref="K93:K94"/>
    <mergeCell ref="L93:L94"/>
    <mergeCell ref="A101:A102"/>
    <mergeCell ref="B101:B102"/>
    <mergeCell ref="C101:C102"/>
    <mergeCell ref="A107:A108"/>
    <mergeCell ref="B107:B108"/>
    <mergeCell ref="C107:C108"/>
    <mergeCell ref="D107:F107"/>
    <mergeCell ref="G107:G108"/>
    <mergeCell ref="A114:A115"/>
    <mergeCell ref="B114:B115"/>
    <mergeCell ref="C114:C115"/>
    <mergeCell ref="D114:D115"/>
    <mergeCell ref="E114:F114"/>
    <mergeCell ref="G124:H124"/>
    <mergeCell ref="I124:J124"/>
    <mergeCell ref="K124:K125"/>
    <mergeCell ref="A149:A150"/>
    <mergeCell ref="B149:B150"/>
    <mergeCell ref="C149:C150"/>
    <mergeCell ref="D149:D150"/>
    <mergeCell ref="E149:F149"/>
    <mergeCell ref="G149:H149"/>
    <mergeCell ref="I149:J149"/>
    <mergeCell ref="K149:K150"/>
    <mergeCell ref="A124:A125"/>
    <mergeCell ref="B124:B125"/>
    <mergeCell ref="C124:C125"/>
    <mergeCell ref="D124:D125"/>
    <mergeCell ref="E124:F124"/>
  </mergeCell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5"/>
  <sheetViews>
    <sheetView showGridLines="0" workbookViewId="0"/>
  </sheetViews>
  <sheetFormatPr defaultRowHeight="15" x14ac:dyDescent="0.25"/>
  <cols>
    <col min="1" max="1" width="2.42578125" bestFit="1" customWidth="1"/>
    <col min="2" max="2" width="38.28515625" bestFit="1" customWidth="1"/>
    <col min="3" max="4" width="18" bestFit="1" customWidth="1"/>
    <col min="5" max="5" width="12.28515625" bestFit="1" customWidth="1"/>
    <col min="6" max="13" width="9.28515625" bestFit="1" customWidth="1"/>
  </cols>
  <sheetData>
    <row r="3" spans="1:13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</row>
    <row r="4" spans="1:13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</row>
    <row r="5" spans="1:13" x14ac:dyDescent="0.25">
      <c r="A5" s="12" t="s">
        <v>616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</row>
    <row r="6" spans="1:13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</row>
    <row r="7" spans="1:13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</row>
    <row r="9" spans="1:13" x14ac:dyDescent="0.25">
      <c r="A9" s="9" t="s">
        <v>5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</row>
    <row r="10" spans="1:13" x14ac:dyDescent="0.25">
      <c r="A10" s="8" t="s">
        <v>6</v>
      </c>
      <c r="B10" s="8" t="s">
        <v>617</v>
      </c>
      <c r="C10" s="8" t="s">
        <v>618</v>
      </c>
      <c r="D10" s="8" t="s">
        <v>619</v>
      </c>
      <c r="E10" s="8" t="s">
        <v>619</v>
      </c>
    </row>
    <row r="11" spans="1:13" ht="21" x14ac:dyDescent="0.25">
      <c r="A11" s="8" t="s">
        <v>5</v>
      </c>
      <c r="B11" s="8" t="s">
        <v>5</v>
      </c>
      <c r="C11" s="8" t="s">
        <v>5</v>
      </c>
      <c r="D11" s="1" t="s">
        <v>168</v>
      </c>
      <c r="E11" s="1" t="s">
        <v>620</v>
      </c>
    </row>
    <row r="12" spans="1:13" x14ac:dyDescent="0.25">
      <c r="A12" s="3" t="s">
        <v>16</v>
      </c>
      <c r="B12" s="5" t="s">
        <v>621</v>
      </c>
      <c r="C12" s="6">
        <v>0</v>
      </c>
      <c r="D12" s="6">
        <v>0</v>
      </c>
      <c r="E12" s="6">
        <v>0</v>
      </c>
    </row>
    <row r="13" spans="1:13" x14ac:dyDescent="0.25">
      <c r="A13" s="2" t="s">
        <v>18</v>
      </c>
      <c r="B13" s="4" t="s">
        <v>622</v>
      </c>
      <c r="C13" s="7">
        <v>0</v>
      </c>
      <c r="D13" s="7">
        <v>0</v>
      </c>
      <c r="E13" s="7">
        <v>0</v>
      </c>
    </row>
    <row r="14" spans="1:13" x14ac:dyDescent="0.25">
      <c r="A14" s="3" t="s">
        <v>20</v>
      </c>
      <c r="B14" s="5" t="s">
        <v>623</v>
      </c>
      <c r="C14" s="6">
        <v>0</v>
      </c>
      <c r="D14" s="6">
        <v>0</v>
      </c>
      <c r="E14" s="6">
        <v>0</v>
      </c>
    </row>
    <row r="15" spans="1:13" x14ac:dyDescent="0.25">
      <c r="A15" s="2" t="s">
        <v>22</v>
      </c>
      <c r="B15" s="4" t="s">
        <v>624</v>
      </c>
      <c r="C15" s="7">
        <v>0</v>
      </c>
      <c r="D15" s="7">
        <v>0</v>
      </c>
      <c r="E15" s="7">
        <v>0</v>
      </c>
    </row>
    <row r="16" spans="1:13" x14ac:dyDescent="0.25">
      <c r="A16" s="2" t="s">
        <v>24</v>
      </c>
      <c r="B16" s="4" t="s">
        <v>625</v>
      </c>
      <c r="C16" s="7">
        <v>0</v>
      </c>
      <c r="D16" s="7">
        <v>0</v>
      </c>
      <c r="E16" s="7">
        <v>0</v>
      </c>
    </row>
    <row r="17" spans="1:13" x14ac:dyDescent="0.25">
      <c r="A17" s="2" t="s">
        <v>26</v>
      </c>
      <c r="B17" s="4" t="s">
        <v>626</v>
      </c>
      <c r="C17" s="7">
        <v>0</v>
      </c>
      <c r="D17" s="7">
        <v>0</v>
      </c>
      <c r="E17" s="7">
        <v>0</v>
      </c>
    </row>
    <row r="18" spans="1:13" x14ac:dyDescent="0.25">
      <c r="A18" s="3" t="s">
        <v>28</v>
      </c>
      <c r="B18" s="5" t="s">
        <v>627</v>
      </c>
      <c r="C18" s="6">
        <v>0</v>
      </c>
      <c r="D18" s="6">
        <v>0</v>
      </c>
      <c r="E18" s="6">
        <v>0</v>
      </c>
    </row>
    <row r="19" spans="1:13" x14ac:dyDescent="0.25">
      <c r="A19" s="2" t="s">
        <v>30</v>
      </c>
      <c r="B19" s="4" t="s">
        <v>628</v>
      </c>
      <c r="C19" s="7">
        <v>0</v>
      </c>
      <c r="D19" s="7">
        <v>0</v>
      </c>
      <c r="E19" s="7">
        <v>0</v>
      </c>
    </row>
    <row r="20" spans="1:13" x14ac:dyDescent="0.25">
      <c r="A20" s="2" t="s">
        <v>32</v>
      </c>
      <c r="B20" s="4" t="s">
        <v>629</v>
      </c>
      <c r="C20" s="7">
        <v>0</v>
      </c>
      <c r="D20" s="7">
        <v>0</v>
      </c>
      <c r="E20" s="7">
        <v>0</v>
      </c>
    </row>
    <row r="21" spans="1:13" x14ac:dyDescent="0.25">
      <c r="A21" s="2" t="s">
        <v>34</v>
      </c>
      <c r="B21" s="4" t="s">
        <v>630</v>
      </c>
      <c r="C21" s="7">
        <v>0</v>
      </c>
      <c r="D21" s="7">
        <v>0</v>
      </c>
      <c r="E21" s="7">
        <v>0</v>
      </c>
    </row>
    <row r="22" spans="1:13" x14ac:dyDescent="0.25">
      <c r="A22" s="2" t="s">
        <v>36</v>
      </c>
      <c r="B22" s="4" t="s">
        <v>631</v>
      </c>
      <c r="C22" s="7">
        <v>0</v>
      </c>
      <c r="D22" s="7">
        <v>0</v>
      </c>
      <c r="E22" s="7">
        <v>0</v>
      </c>
    </row>
    <row r="24" spans="1:13" x14ac:dyDescent="0.25">
      <c r="A24" s="8" t="s">
        <v>6</v>
      </c>
      <c r="B24" s="8" t="s">
        <v>632</v>
      </c>
      <c r="C24" s="8" t="s">
        <v>633</v>
      </c>
      <c r="D24" s="8" t="s">
        <v>634</v>
      </c>
      <c r="E24" s="8" t="s">
        <v>635</v>
      </c>
      <c r="F24" s="8" t="s">
        <v>636</v>
      </c>
      <c r="G24" s="8" t="s">
        <v>637</v>
      </c>
      <c r="H24" s="8" t="s">
        <v>638</v>
      </c>
      <c r="I24" s="8" t="s">
        <v>639</v>
      </c>
      <c r="J24" s="8" t="s">
        <v>640</v>
      </c>
      <c r="K24" s="8" t="s">
        <v>641</v>
      </c>
      <c r="L24" s="8" t="s">
        <v>642</v>
      </c>
      <c r="M24" s="8" t="s">
        <v>643</v>
      </c>
    </row>
    <row r="25" spans="1:13" x14ac:dyDescent="0.25">
      <c r="A25" s="8" t="s">
        <v>5</v>
      </c>
      <c r="B25" s="8" t="s">
        <v>5</v>
      </c>
      <c r="C25" s="8" t="s">
        <v>5</v>
      </c>
      <c r="D25" s="8" t="s">
        <v>5</v>
      </c>
      <c r="E25" s="8" t="s">
        <v>5</v>
      </c>
      <c r="F25" s="8" t="s">
        <v>5</v>
      </c>
      <c r="G25" s="8" t="s">
        <v>5</v>
      </c>
      <c r="H25" s="8" t="s">
        <v>5</v>
      </c>
      <c r="I25" s="8" t="s">
        <v>5</v>
      </c>
      <c r="J25" s="8" t="s">
        <v>5</v>
      </c>
      <c r="K25" s="8" t="s">
        <v>5</v>
      </c>
      <c r="L25" s="8" t="s">
        <v>5</v>
      </c>
      <c r="M25" s="8" t="s">
        <v>5</v>
      </c>
    </row>
    <row r="26" spans="1:13" x14ac:dyDescent="0.25">
      <c r="A26" s="3" t="s">
        <v>38</v>
      </c>
      <c r="B26" s="5" t="s">
        <v>644</v>
      </c>
      <c r="C26" s="6">
        <v>0</v>
      </c>
      <c r="D26" s="6">
        <v>0</v>
      </c>
      <c r="E26" s="6">
        <v>0</v>
      </c>
      <c r="F26" s="6">
        <v>0</v>
      </c>
      <c r="G26" s="6">
        <v>0</v>
      </c>
      <c r="H26" s="6">
        <v>0</v>
      </c>
      <c r="I26" s="6">
        <v>0</v>
      </c>
      <c r="J26" s="6">
        <v>0</v>
      </c>
      <c r="K26" s="6">
        <v>0</v>
      </c>
      <c r="L26" s="6">
        <v>0</v>
      </c>
      <c r="M26" s="6">
        <v>0</v>
      </c>
    </row>
    <row r="27" spans="1:13" x14ac:dyDescent="0.25">
      <c r="A27" s="2" t="s">
        <v>40</v>
      </c>
      <c r="B27" s="4" t="s">
        <v>645</v>
      </c>
      <c r="C27" s="7">
        <v>0</v>
      </c>
      <c r="D27" s="7">
        <v>0</v>
      </c>
      <c r="E27" s="7">
        <v>0</v>
      </c>
      <c r="F27" s="7">
        <v>0</v>
      </c>
      <c r="G27" s="7">
        <v>0</v>
      </c>
      <c r="H27" s="7">
        <v>0</v>
      </c>
      <c r="I27" s="7">
        <v>0</v>
      </c>
      <c r="J27" s="7">
        <v>0</v>
      </c>
      <c r="K27" s="7">
        <v>0</v>
      </c>
      <c r="L27" s="7">
        <v>0</v>
      </c>
      <c r="M27" s="7">
        <v>0</v>
      </c>
    </row>
    <row r="28" spans="1:13" x14ac:dyDescent="0.25">
      <c r="A28" s="2" t="s">
        <v>42</v>
      </c>
      <c r="B28" s="4" t="s">
        <v>646</v>
      </c>
      <c r="C28" s="7">
        <v>0</v>
      </c>
      <c r="D28" s="7">
        <v>0</v>
      </c>
      <c r="E28" s="7">
        <v>0</v>
      </c>
      <c r="F28" s="7">
        <v>0</v>
      </c>
      <c r="G28" s="7">
        <v>0</v>
      </c>
      <c r="H28" s="7">
        <v>0</v>
      </c>
      <c r="I28" s="7">
        <v>0</v>
      </c>
      <c r="J28" s="7">
        <v>0</v>
      </c>
      <c r="K28" s="7">
        <v>0</v>
      </c>
      <c r="L28" s="7">
        <v>0</v>
      </c>
      <c r="M28" s="7">
        <v>0</v>
      </c>
    </row>
    <row r="29" spans="1:13" x14ac:dyDescent="0.25">
      <c r="A29" s="3" t="s">
        <v>44</v>
      </c>
      <c r="B29" s="5" t="s">
        <v>647</v>
      </c>
      <c r="C29" s="6">
        <v>0</v>
      </c>
      <c r="D29" s="6">
        <v>0</v>
      </c>
      <c r="E29" s="6">
        <v>0</v>
      </c>
      <c r="F29" s="6">
        <v>0</v>
      </c>
      <c r="G29" s="6">
        <v>0</v>
      </c>
      <c r="H29" s="6">
        <v>0</v>
      </c>
      <c r="I29" s="6">
        <v>0</v>
      </c>
      <c r="J29" s="6">
        <v>0</v>
      </c>
      <c r="K29" s="6">
        <v>0</v>
      </c>
      <c r="L29" s="6">
        <v>0</v>
      </c>
      <c r="M29" s="6">
        <v>0</v>
      </c>
    </row>
    <row r="30" spans="1:13" x14ac:dyDescent="0.25">
      <c r="A30" s="2" t="s">
        <v>46</v>
      </c>
      <c r="B30" s="4" t="s">
        <v>648</v>
      </c>
      <c r="C30" s="7">
        <v>0</v>
      </c>
      <c r="D30" s="7">
        <v>0</v>
      </c>
      <c r="E30" s="7">
        <v>0</v>
      </c>
      <c r="F30" s="7">
        <v>0</v>
      </c>
      <c r="G30" s="7">
        <v>0</v>
      </c>
      <c r="H30" s="7">
        <v>0</v>
      </c>
      <c r="I30" s="7">
        <v>0</v>
      </c>
      <c r="J30" s="7">
        <v>0</v>
      </c>
      <c r="K30" s="7">
        <v>0</v>
      </c>
      <c r="L30" s="7">
        <v>0</v>
      </c>
      <c r="M30" s="7">
        <v>0</v>
      </c>
    </row>
    <row r="31" spans="1:13" x14ac:dyDescent="0.25">
      <c r="A31" s="2" t="s">
        <v>48</v>
      </c>
      <c r="B31" s="4" t="s">
        <v>649</v>
      </c>
      <c r="C31" s="7">
        <v>0</v>
      </c>
      <c r="D31" s="7">
        <v>0</v>
      </c>
      <c r="E31" s="7">
        <v>0</v>
      </c>
      <c r="F31" s="7">
        <v>0</v>
      </c>
      <c r="G31" s="7">
        <v>0</v>
      </c>
      <c r="H31" s="7">
        <v>0</v>
      </c>
      <c r="I31" s="7">
        <v>0</v>
      </c>
      <c r="J31" s="7">
        <v>0</v>
      </c>
      <c r="K31" s="7">
        <v>0</v>
      </c>
      <c r="L31" s="7">
        <v>0</v>
      </c>
      <c r="M31" s="7">
        <v>0</v>
      </c>
    </row>
    <row r="32" spans="1:13" x14ac:dyDescent="0.25">
      <c r="A32" s="3" t="s">
        <v>50</v>
      </c>
      <c r="B32" s="5" t="s">
        <v>650</v>
      </c>
      <c r="C32" s="6">
        <v>0</v>
      </c>
      <c r="D32" s="6">
        <v>0</v>
      </c>
      <c r="E32" s="6">
        <v>0</v>
      </c>
      <c r="F32" s="6">
        <v>0</v>
      </c>
      <c r="G32" s="6">
        <v>0</v>
      </c>
      <c r="H32" s="6">
        <v>0</v>
      </c>
      <c r="I32" s="6">
        <v>0</v>
      </c>
      <c r="J32" s="6">
        <v>0</v>
      </c>
      <c r="K32" s="6">
        <v>0</v>
      </c>
      <c r="L32" s="6">
        <v>0</v>
      </c>
      <c r="M32" s="6">
        <v>0</v>
      </c>
    </row>
    <row r="33" spans="1:13" x14ac:dyDescent="0.25">
      <c r="A33" s="2" t="s">
        <v>52</v>
      </c>
      <c r="B33" s="4" t="s">
        <v>651</v>
      </c>
      <c r="C33" s="7">
        <v>12012249489.57</v>
      </c>
      <c r="D33" s="7">
        <v>14070824317.809999</v>
      </c>
      <c r="E33" s="7">
        <v>0</v>
      </c>
      <c r="F33" s="7">
        <v>0</v>
      </c>
      <c r="G33" s="7">
        <v>0</v>
      </c>
      <c r="H33" s="7">
        <v>0</v>
      </c>
      <c r="I33" s="7">
        <v>0</v>
      </c>
      <c r="J33" s="7">
        <v>0</v>
      </c>
      <c r="K33" s="7">
        <v>0</v>
      </c>
      <c r="L33" s="7">
        <v>0</v>
      </c>
      <c r="M33" s="7">
        <v>0</v>
      </c>
    </row>
    <row r="34" spans="1:13" x14ac:dyDescent="0.25">
      <c r="A34" s="2" t="s">
        <v>54</v>
      </c>
      <c r="B34" s="4" t="s">
        <v>652</v>
      </c>
      <c r="C34" s="7">
        <v>0</v>
      </c>
      <c r="D34" s="7">
        <v>0</v>
      </c>
      <c r="E34" s="7">
        <v>0</v>
      </c>
      <c r="F34" s="7">
        <v>0</v>
      </c>
      <c r="G34" s="7">
        <v>0</v>
      </c>
      <c r="H34" s="7">
        <v>0</v>
      </c>
      <c r="I34" s="7">
        <v>0</v>
      </c>
      <c r="J34" s="7">
        <v>0</v>
      </c>
      <c r="K34" s="7">
        <v>0</v>
      </c>
      <c r="L34" s="7">
        <v>0</v>
      </c>
      <c r="M34" s="7">
        <v>0</v>
      </c>
    </row>
    <row r="35" spans="1:13" x14ac:dyDescent="0.25">
      <c r="A35" s="2" t="s">
        <v>56</v>
      </c>
      <c r="B35" s="4" t="s">
        <v>653</v>
      </c>
      <c r="C35" s="7">
        <v>0</v>
      </c>
      <c r="D35" s="7">
        <v>0</v>
      </c>
      <c r="E35" s="7">
        <v>0</v>
      </c>
      <c r="F35" s="7">
        <v>0</v>
      </c>
      <c r="G35" s="7">
        <v>0</v>
      </c>
      <c r="H35" s="7">
        <v>0</v>
      </c>
      <c r="I35" s="7">
        <v>0</v>
      </c>
      <c r="J35" s="7">
        <v>0</v>
      </c>
      <c r="K35" s="7">
        <v>0</v>
      </c>
      <c r="L35" s="7">
        <v>0</v>
      </c>
      <c r="M35" s="7">
        <v>0</v>
      </c>
    </row>
  </sheetData>
  <mergeCells count="23">
    <mergeCell ref="A3:M3"/>
    <mergeCell ref="A4:M4"/>
    <mergeCell ref="A5:M5"/>
    <mergeCell ref="A6:M6"/>
    <mergeCell ref="A7:M7"/>
    <mergeCell ref="A9:M9"/>
    <mergeCell ref="A10:A11"/>
    <mergeCell ref="B10:B11"/>
    <mergeCell ref="C10:C11"/>
    <mergeCell ref="D10:E10"/>
    <mergeCell ref="A24:A25"/>
    <mergeCell ref="B24:B25"/>
    <mergeCell ref="C24:C25"/>
    <mergeCell ref="D24:D25"/>
    <mergeCell ref="E24:E25"/>
    <mergeCell ref="K24:K25"/>
    <mergeCell ref="L24:L25"/>
    <mergeCell ref="M24:M25"/>
    <mergeCell ref="F24:F25"/>
    <mergeCell ref="G24:G25"/>
    <mergeCell ref="H24:H25"/>
    <mergeCell ref="I24:I25"/>
    <mergeCell ref="J24:J25"/>
  </mergeCells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05"/>
  <sheetViews>
    <sheetView showGridLines="0" tabSelected="1" workbookViewId="0"/>
  </sheetViews>
  <sheetFormatPr defaultRowHeight="15" x14ac:dyDescent="0.25"/>
  <cols>
    <col min="1" max="1" width="2.7109375" bestFit="1" customWidth="1"/>
    <col min="2" max="2" width="75.140625" bestFit="1" customWidth="1"/>
    <col min="3" max="3" width="18.140625" bestFit="1" customWidth="1"/>
    <col min="4" max="4" width="24.85546875" bestFit="1" customWidth="1"/>
    <col min="5" max="5" width="20.85546875" bestFit="1" customWidth="1"/>
    <col min="6" max="6" width="17.28515625" bestFit="1" customWidth="1"/>
  </cols>
  <sheetData>
    <row r="3" spans="1:6" x14ac:dyDescent="0.25">
      <c r="A3" s="11" t="s">
        <v>0</v>
      </c>
      <c r="B3" s="10"/>
      <c r="C3" s="10"/>
      <c r="D3" s="10"/>
      <c r="E3" s="10"/>
      <c r="F3" s="10"/>
    </row>
    <row r="4" spans="1:6" x14ac:dyDescent="0.25">
      <c r="A4" s="11" t="s">
        <v>1</v>
      </c>
      <c r="B4" s="10"/>
      <c r="C4" s="10"/>
      <c r="D4" s="10"/>
      <c r="E4" s="10"/>
      <c r="F4" s="10"/>
    </row>
    <row r="5" spans="1:6" x14ac:dyDescent="0.25">
      <c r="A5" s="12" t="s">
        <v>654</v>
      </c>
      <c r="B5" s="10"/>
      <c r="C5" s="10"/>
      <c r="D5" s="10"/>
      <c r="E5" s="10"/>
      <c r="F5" s="10"/>
    </row>
    <row r="6" spans="1:6" x14ac:dyDescent="0.25">
      <c r="A6" s="11" t="s">
        <v>3</v>
      </c>
      <c r="B6" s="10"/>
      <c r="C6" s="10"/>
      <c r="D6" s="10"/>
      <c r="E6" s="10"/>
      <c r="F6" s="10"/>
    </row>
    <row r="7" spans="1:6" x14ac:dyDescent="0.25">
      <c r="A7" s="11" t="s">
        <v>4</v>
      </c>
      <c r="B7" s="10"/>
      <c r="C7" s="10"/>
      <c r="D7" s="10"/>
      <c r="E7" s="10"/>
      <c r="F7" s="10"/>
    </row>
    <row r="9" spans="1:6" x14ac:dyDescent="0.25">
      <c r="A9" s="9" t="s">
        <v>5</v>
      </c>
      <c r="B9" s="10"/>
      <c r="C9" s="10"/>
      <c r="D9" s="10"/>
      <c r="E9" s="10"/>
      <c r="F9" s="10"/>
    </row>
    <row r="10" spans="1:6" x14ac:dyDescent="0.25">
      <c r="A10" s="8" t="s">
        <v>6</v>
      </c>
      <c r="B10" s="8" t="s">
        <v>2</v>
      </c>
      <c r="C10" s="8" t="s">
        <v>620</v>
      </c>
    </row>
    <row r="11" spans="1:6" x14ac:dyDescent="0.25">
      <c r="A11" s="8" t="s">
        <v>5</v>
      </c>
      <c r="B11" s="8" t="s">
        <v>5</v>
      </c>
      <c r="C11" s="8" t="s">
        <v>5</v>
      </c>
    </row>
    <row r="12" spans="1:6" x14ac:dyDescent="0.25">
      <c r="A12" s="2" t="s">
        <v>16</v>
      </c>
      <c r="B12" s="4" t="s">
        <v>7</v>
      </c>
      <c r="C12" s="7">
        <v>0</v>
      </c>
    </row>
    <row r="13" spans="1:6" x14ac:dyDescent="0.25">
      <c r="A13" s="2" t="s">
        <v>18</v>
      </c>
      <c r="B13" s="4" t="s">
        <v>655</v>
      </c>
      <c r="C13" s="7">
        <v>15800400000</v>
      </c>
    </row>
    <row r="14" spans="1:6" x14ac:dyDescent="0.25">
      <c r="A14" s="2" t="s">
        <v>20</v>
      </c>
      <c r="B14" s="4" t="s">
        <v>656</v>
      </c>
      <c r="C14" s="7">
        <v>17564157068.779999</v>
      </c>
    </row>
    <row r="15" spans="1:6" x14ac:dyDescent="0.25">
      <c r="A15" s="2" t="s">
        <v>22</v>
      </c>
      <c r="B15" s="4" t="s">
        <v>657</v>
      </c>
      <c r="C15" s="7">
        <v>17556395375.419998</v>
      </c>
    </row>
    <row r="16" spans="1:6" x14ac:dyDescent="0.25">
      <c r="A16" s="2" t="s">
        <v>24</v>
      </c>
      <c r="B16" s="4" t="s">
        <v>658</v>
      </c>
      <c r="C16" s="7">
        <v>0</v>
      </c>
    </row>
    <row r="17" spans="1:3" x14ac:dyDescent="0.25">
      <c r="A17" s="2" t="s">
        <v>26</v>
      </c>
      <c r="B17" s="4" t="s">
        <v>659</v>
      </c>
      <c r="C17" s="7">
        <v>276035256.70999998</v>
      </c>
    </row>
    <row r="18" spans="1:3" x14ac:dyDescent="0.25">
      <c r="A18" s="2" t="s">
        <v>28</v>
      </c>
      <c r="B18" s="4" t="s">
        <v>164</v>
      </c>
      <c r="C18" s="7">
        <v>0</v>
      </c>
    </row>
    <row r="19" spans="1:3" x14ac:dyDescent="0.25">
      <c r="A19" s="2" t="s">
        <v>30</v>
      </c>
      <c r="B19" s="4" t="s">
        <v>660</v>
      </c>
      <c r="C19" s="7">
        <v>15800400000</v>
      </c>
    </row>
    <row r="20" spans="1:3" x14ac:dyDescent="0.25">
      <c r="A20" s="2" t="s">
        <v>32</v>
      </c>
      <c r="B20" s="4" t="s">
        <v>661</v>
      </c>
      <c r="C20" s="7">
        <v>17840192325.490002</v>
      </c>
    </row>
    <row r="21" spans="1:3" x14ac:dyDescent="0.25">
      <c r="A21" s="2" t="s">
        <v>34</v>
      </c>
      <c r="B21" s="4" t="s">
        <v>662</v>
      </c>
      <c r="C21" s="7">
        <v>15365474321.17</v>
      </c>
    </row>
    <row r="22" spans="1:3" x14ac:dyDescent="0.25">
      <c r="A22" s="2" t="s">
        <v>36</v>
      </c>
      <c r="B22" s="4" t="s">
        <v>663</v>
      </c>
      <c r="C22" s="7">
        <v>15084528062.23</v>
      </c>
    </row>
    <row r="23" spans="1:3" x14ac:dyDescent="0.25">
      <c r="A23" s="2" t="s">
        <v>38</v>
      </c>
      <c r="B23" s="4" t="s">
        <v>664</v>
      </c>
      <c r="C23" s="7">
        <v>14770191095.450001</v>
      </c>
    </row>
    <row r="24" spans="1:3" x14ac:dyDescent="0.25">
      <c r="A24" s="2" t="s">
        <v>40</v>
      </c>
      <c r="B24" s="4" t="s">
        <v>665</v>
      </c>
      <c r="C24" s="7">
        <v>2190921054.25</v>
      </c>
    </row>
    <row r="26" spans="1:3" x14ac:dyDescent="0.25">
      <c r="A26" s="8" t="s">
        <v>6</v>
      </c>
      <c r="B26" s="8" t="s">
        <v>666</v>
      </c>
      <c r="C26" s="8" t="s">
        <v>620</v>
      </c>
    </row>
    <row r="27" spans="1:3" x14ac:dyDescent="0.25">
      <c r="A27" s="8" t="s">
        <v>5</v>
      </c>
      <c r="B27" s="8" t="s">
        <v>5</v>
      </c>
      <c r="C27" s="8" t="s">
        <v>5</v>
      </c>
    </row>
    <row r="28" spans="1:3" x14ac:dyDescent="0.25">
      <c r="A28" s="2" t="s">
        <v>42</v>
      </c>
      <c r="B28" s="4" t="s">
        <v>167</v>
      </c>
      <c r="C28" s="7">
        <v>15365474321.17</v>
      </c>
    </row>
    <row r="29" spans="1:3" x14ac:dyDescent="0.25">
      <c r="A29" s="2" t="s">
        <v>44</v>
      </c>
      <c r="B29" s="4" t="s">
        <v>171</v>
      </c>
      <c r="C29" s="7">
        <v>15084528062.23</v>
      </c>
    </row>
    <row r="31" spans="1:3" x14ac:dyDescent="0.25">
      <c r="A31" s="8" t="s">
        <v>6</v>
      </c>
      <c r="B31" s="8" t="s">
        <v>667</v>
      </c>
      <c r="C31" s="8" t="s">
        <v>620</v>
      </c>
    </row>
    <row r="32" spans="1:3" x14ac:dyDescent="0.25">
      <c r="A32" s="8" t="s">
        <v>5</v>
      </c>
      <c r="B32" s="8" t="s">
        <v>5</v>
      </c>
      <c r="C32" s="8" t="s">
        <v>5</v>
      </c>
    </row>
    <row r="33" spans="1:3" x14ac:dyDescent="0.25">
      <c r="A33" s="2" t="s">
        <v>46</v>
      </c>
      <c r="B33" s="4" t="s">
        <v>668</v>
      </c>
      <c r="C33" s="7">
        <v>14070824317.809999</v>
      </c>
    </row>
    <row r="34" spans="1:3" x14ac:dyDescent="0.25">
      <c r="A34" s="2" t="s">
        <v>48</v>
      </c>
      <c r="B34" s="4" t="s">
        <v>669</v>
      </c>
      <c r="C34" s="7">
        <v>14069642720.690001</v>
      </c>
    </row>
    <row r="35" spans="1:3" x14ac:dyDescent="0.25">
      <c r="A35" s="2" t="s">
        <v>50</v>
      </c>
      <c r="B35" s="4" t="s">
        <v>670</v>
      </c>
      <c r="C35" s="7">
        <v>14069642720.690001</v>
      </c>
    </row>
    <row r="37" spans="1:3" x14ac:dyDescent="0.25">
      <c r="A37" s="8" t="s">
        <v>6</v>
      </c>
      <c r="B37" s="8" t="s">
        <v>671</v>
      </c>
      <c r="C37" s="8" t="s">
        <v>620</v>
      </c>
    </row>
    <row r="38" spans="1:3" x14ac:dyDescent="0.25">
      <c r="A38" s="8" t="s">
        <v>5</v>
      </c>
      <c r="B38" s="8" t="s">
        <v>5</v>
      </c>
      <c r="C38" s="8" t="s">
        <v>5</v>
      </c>
    </row>
    <row r="39" spans="1:3" x14ac:dyDescent="0.25">
      <c r="A39" s="2" t="s">
        <v>52</v>
      </c>
      <c r="B39" s="4" t="s">
        <v>672</v>
      </c>
      <c r="C39" s="7">
        <v>0</v>
      </c>
    </row>
    <row r="40" spans="1:3" x14ac:dyDescent="0.25">
      <c r="A40" s="2" t="s">
        <v>54</v>
      </c>
      <c r="B40" s="4" t="s">
        <v>673</v>
      </c>
      <c r="C40" s="7">
        <v>2702167343.0500002</v>
      </c>
    </row>
    <row r="41" spans="1:3" x14ac:dyDescent="0.25">
      <c r="A41" s="2" t="s">
        <v>56</v>
      </c>
      <c r="B41" s="4" t="s">
        <v>674</v>
      </c>
      <c r="C41" s="7">
        <v>3635482093.9099998</v>
      </c>
    </row>
    <row r="42" spans="1:3" x14ac:dyDescent="0.25">
      <c r="A42" s="2" t="s">
        <v>58</v>
      </c>
      <c r="B42" s="4" t="s">
        <v>675</v>
      </c>
      <c r="C42" s="7">
        <v>3635482093.9099998</v>
      </c>
    </row>
    <row r="43" spans="1:3" x14ac:dyDescent="0.25">
      <c r="A43" s="2" t="s">
        <v>60</v>
      </c>
      <c r="B43" s="4" t="s">
        <v>676</v>
      </c>
      <c r="C43" s="7">
        <v>-933314750.86000001</v>
      </c>
    </row>
    <row r="44" spans="1:3" x14ac:dyDescent="0.25">
      <c r="A44" s="2" t="s">
        <v>62</v>
      </c>
      <c r="B44" s="4" t="s">
        <v>677</v>
      </c>
      <c r="C44" s="7">
        <v>0</v>
      </c>
    </row>
    <row r="45" spans="1:3" x14ac:dyDescent="0.25">
      <c r="A45" s="2" t="s">
        <v>64</v>
      </c>
      <c r="B45" s="4" t="s">
        <v>673</v>
      </c>
      <c r="C45" s="7">
        <v>0</v>
      </c>
    </row>
    <row r="46" spans="1:3" x14ac:dyDescent="0.25">
      <c r="A46" s="2" t="s">
        <v>66</v>
      </c>
      <c r="B46" s="4" t="s">
        <v>674</v>
      </c>
      <c r="C46" s="7">
        <v>0</v>
      </c>
    </row>
    <row r="47" spans="1:3" x14ac:dyDescent="0.25">
      <c r="A47" s="2" t="s">
        <v>68</v>
      </c>
      <c r="B47" s="4" t="s">
        <v>675</v>
      </c>
      <c r="C47" s="7">
        <v>0</v>
      </c>
    </row>
    <row r="48" spans="1:3" x14ac:dyDescent="0.25">
      <c r="A48" s="2" t="s">
        <v>70</v>
      </c>
      <c r="B48" s="4" t="s">
        <v>676</v>
      </c>
      <c r="C48" s="7">
        <v>0</v>
      </c>
    </row>
    <row r="50" spans="1:6" x14ac:dyDescent="0.25">
      <c r="A50" s="8" t="s">
        <v>6</v>
      </c>
      <c r="B50" s="8" t="s">
        <v>678</v>
      </c>
      <c r="C50" s="8" t="s">
        <v>679</v>
      </c>
      <c r="D50" s="8" t="s">
        <v>680</v>
      </c>
      <c r="E50" s="8" t="s">
        <v>681</v>
      </c>
    </row>
    <row r="51" spans="1:6" x14ac:dyDescent="0.25">
      <c r="A51" s="8" t="s">
        <v>5</v>
      </c>
      <c r="B51" s="8" t="s">
        <v>5</v>
      </c>
      <c r="C51" s="8" t="s">
        <v>5</v>
      </c>
      <c r="D51" s="8" t="s">
        <v>5</v>
      </c>
      <c r="E51" s="8" t="s">
        <v>5</v>
      </c>
    </row>
    <row r="52" spans="1:6" x14ac:dyDescent="0.25">
      <c r="A52" s="2" t="s">
        <v>72</v>
      </c>
      <c r="B52" s="4" t="s">
        <v>682</v>
      </c>
      <c r="C52" s="7">
        <v>799683900</v>
      </c>
      <c r="D52" s="7">
        <v>2295376916.5799999</v>
      </c>
      <c r="E52" s="7">
        <v>287.04000000000002</v>
      </c>
    </row>
    <row r="53" spans="1:6" x14ac:dyDescent="0.25">
      <c r="A53" s="2" t="s">
        <v>74</v>
      </c>
      <c r="B53" s="4" t="s">
        <v>683</v>
      </c>
      <c r="C53" s="7">
        <v>285304200</v>
      </c>
      <c r="D53" s="7">
        <v>1974514048.8099999</v>
      </c>
      <c r="E53" s="7">
        <v>692.07</v>
      </c>
    </row>
    <row r="55" spans="1:6" x14ac:dyDescent="0.25">
      <c r="A55" s="8" t="s">
        <v>6</v>
      </c>
      <c r="B55" s="8" t="s">
        <v>684</v>
      </c>
      <c r="C55" s="8" t="s">
        <v>685</v>
      </c>
      <c r="D55" s="8" t="s">
        <v>686</v>
      </c>
      <c r="E55" s="8" t="s">
        <v>687</v>
      </c>
      <c r="F55" s="8" t="s">
        <v>688</v>
      </c>
    </row>
    <row r="56" spans="1:6" x14ac:dyDescent="0.25">
      <c r="A56" s="8" t="s">
        <v>5</v>
      </c>
      <c r="B56" s="8" t="s">
        <v>5</v>
      </c>
      <c r="C56" s="8" t="s">
        <v>5</v>
      </c>
      <c r="D56" s="8" t="s">
        <v>5</v>
      </c>
      <c r="E56" s="8" t="s">
        <v>5</v>
      </c>
      <c r="F56" s="8" t="s">
        <v>5</v>
      </c>
    </row>
    <row r="57" spans="1:6" x14ac:dyDescent="0.25">
      <c r="A57" s="3" t="s">
        <v>76</v>
      </c>
      <c r="B57" s="5" t="s">
        <v>689</v>
      </c>
      <c r="C57" s="6">
        <v>540818527.76999998</v>
      </c>
      <c r="D57" s="6">
        <v>30021194.870000001</v>
      </c>
      <c r="E57" s="6">
        <v>430192586.12</v>
      </c>
      <c r="F57" s="6">
        <v>80604746.780000001</v>
      </c>
    </row>
    <row r="58" spans="1:6" x14ac:dyDescent="0.25">
      <c r="A58" s="2" t="s">
        <v>78</v>
      </c>
      <c r="B58" s="4" t="s">
        <v>690</v>
      </c>
      <c r="C58" s="7">
        <v>476297866.17000002</v>
      </c>
      <c r="D58" s="7">
        <v>30021194.510000002</v>
      </c>
      <c r="E58" s="7">
        <v>365671979.69999999</v>
      </c>
      <c r="F58" s="7">
        <v>80604691.959999993</v>
      </c>
    </row>
    <row r="59" spans="1:6" x14ac:dyDescent="0.25">
      <c r="A59" s="2" t="s">
        <v>80</v>
      </c>
      <c r="B59" s="4" t="s">
        <v>691</v>
      </c>
      <c r="C59" s="7">
        <v>14280975.529999999</v>
      </c>
      <c r="D59" s="7">
        <v>0</v>
      </c>
      <c r="E59" s="7">
        <v>14280975.529999999</v>
      </c>
      <c r="F59" s="7">
        <v>0</v>
      </c>
    </row>
    <row r="60" spans="1:6" x14ac:dyDescent="0.25">
      <c r="A60" s="2" t="s">
        <v>82</v>
      </c>
      <c r="B60" s="4" t="s">
        <v>692</v>
      </c>
      <c r="C60" s="7">
        <v>46663077.07</v>
      </c>
      <c r="D60" s="7">
        <v>0.36</v>
      </c>
      <c r="E60" s="7">
        <v>46663021.890000001</v>
      </c>
      <c r="F60" s="7">
        <v>54.82</v>
      </c>
    </row>
    <row r="61" spans="1:6" x14ac:dyDescent="0.25">
      <c r="A61" s="2" t="s">
        <v>84</v>
      </c>
      <c r="B61" s="4" t="s">
        <v>693</v>
      </c>
      <c r="C61" s="7">
        <v>894376.95</v>
      </c>
      <c r="D61" s="7">
        <v>0</v>
      </c>
      <c r="E61" s="7">
        <v>894376.95</v>
      </c>
      <c r="F61" s="7">
        <v>0</v>
      </c>
    </row>
    <row r="62" spans="1:6" x14ac:dyDescent="0.25">
      <c r="A62" s="2" t="s">
        <v>86</v>
      </c>
      <c r="B62" s="4" t="s">
        <v>694</v>
      </c>
      <c r="C62" s="7">
        <v>2682232.0499999998</v>
      </c>
      <c r="D62" s="7">
        <v>0</v>
      </c>
      <c r="E62" s="7">
        <v>2682232.0499999998</v>
      </c>
      <c r="F62" s="7">
        <v>0</v>
      </c>
    </row>
    <row r="63" spans="1:6" x14ac:dyDescent="0.25">
      <c r="A63" s="3" t="s">
        <v>88</v>
      </c>
      <c r="B63" s="5" t="s">
        <v>695</v>
      </c>
      <c r="C63" s="6">
        <v>408566314.06999999</v>
      </c>
      <c r="D63" s="6">
        <v>101297560.8</v>
      </c>
      <c r="E63" s="6">
        <v>239049403</v>
      </c>
      <c r="F63" s="6">
        <v>68219350.269999996</v>
      </c>
    </row>
    <row r="64" spans="1:6" x14ac:dyDescent="0.25">
      <c r="A64" s="2" t="s">
        <v>90</v>
      </c>
      <c r="B64" s="4" t="s">
        <v>690</v>
      </c>
      <c r="C64" s="7">
        <v>357784917.91000003</v>
      </c>
      <c r="D64" s="7">
        <v>89913957.239999995</v>
      </c>
      <c r="E64" s="7">
        <v>204322156.66</v>
      </c>
      <c r="F64" s="7">
        <v>63548804.009999998</v>
      </c>
    </row>
    <row r="65" spans="1:6" x14ac:dyDescent="0.25">
      <c r="A65" s="2" t="s">
        <v>92</v>
      </c>
      <c r="B65" s="4" t="s">
        <v>691</v>
      </c>
      <c r="C65" s="7">
        <v>4208130.9400000004</v>
      </c>
      <c r="D65" s="7">
        <v>1325936.0900000001</v>
      </c>
      <c r="E65" s="7">
        <v>2655208.65</v>
      </c>
      <c r="F65" s="7">
        <v>226986.2</v>
      </c>
    </row>
    <row r="66" spans="1:6" x14ac:dyDescent="0.25">
      <c r="A66" s="2" t="s">
        <v>94</v>
      </c>
      <c r="B66" s="4" t="s">
        <v>692</v>
      </c>
      <c r="C66" s="7">
        <v>20106935.5</v>
      </c>
      <c r="D66" s="7">
        <v>7599469.3899999997</v>
      </c>
      <c r="E66" s="7">
        <v>11376458</v>
      </c>
      <c r="F66" s="7">
        <v>1131008.1100000001</v>
      </c>
    </row>
    <row r="67" spans="1:6" x14ac:dyDescent="0.25">
      <c r="A67" s="2" t="s">
        <v>96</v>
      </c>
      <c r="B67" s="4" t="s">
        <v>693</v>
      </c>
      <c r="C67" s="7">
        <v>25096110.82</v>
      </c>
      <c r="D67" s="7">
        <v>2064932.46</v>
      </c>
      <c r="E67" s="7">
        <v>19718626.41</v>
      </c>
      <c r="F67" s="7">
        <v>3312551.95</v>
      </c>
    </row>
    <row r="68" spans="1:6" x14ac:dyDescent="0.25">
      <c r="A68" s="2" t="s">
        <v>98</v>
      </c>
      <c r="B68" s="4" t="s">
        <v>694</v>
      </c>
      <c r="C68" s="7">
        <v>1370218.9</v>
      </c>
      <c r="D68" s="7">
        <v>393265.62</v>
      </c>
      <c r="E68" s="7">
        <v>976953.28</v>
      </c>
      <c r="F68" s="7">
        <v>0</v>
      </c>
    </row>
    <row r="69" spans="1:6" x14ac:dyDescent="0.25">
      <c r="A69" s="3" t="s">
        <v>100</v>
      </c>
      <c r="B69" s="5" t="s">
        <v>696</v>
      </c>
      <c r="C69" s="6">
        <v>949384841.84000003</v>
      </c>
      <c r="D69" s="6">
        <v>131318755.67</v>
      </c>
      <c r="E69" s="6">
        <v>669241989.12</v>
      </c>
      <c r="F69" s="6">
        <v>148824097.05000001</v>
      </c>
    </row>
    <row r="71" spans="1:6" x14ac:dyDescent="0.25">
      <c r="A71" s="8" t="s">
        <v>6</v>
      </c>
      <c r="B71" s="8" t="s">
        <v>697</v>
      </c>
      <c r="C71" s="8" t="s">
        <v>698</v>
      </c>
      <c r="D71" s="8" t="s">
        <v>699</v>
      </c>
      <c r="E71" s="8" t="s">
        <v>699</v>
      </c>
    </row>
    <row r="72" spans="1:6" ht="21" x14ac:dyDescent="0.25">
      <c r="A72" s="8" t="s">
        <v>5</v>
      </c>
      <c r="B72" s="8" t="s">
        <v>5</v>
      </c>
      <c r="C72" s="8" t="s">
        <v>5</v>
      </c>
      <c r="D72" s="1" t="s">
        <v>700</v>
      </c>
      <c r="E72" s="1" t="s">
        <v>701</v>
      </c>
    </row>
    <row r="73" spans="1:6" x14ac:dyDescent="0.25">
      <c r="A73" s="2" t="s">
        <v>102</v>
      </c>
      <c r="B73" s="4" t="s">
        <v>702</v>
      </c>
      <c r="C73" s="7">
        <v>3352101393.25</v>
      </c>
      <c r="D73" s="7">
        <v>25</v>
      </c>
      <c r="E73" s="7">
        <v>30.82</v>
      </c>
    </row>
    <row r="74" spans="1:6" x14ac:dyDescent="0.25">
      <c r="A74" s="2" t="s">
        <v>104</v>
      </c>
      <c r="B74" s="4" t="s">
        <v>703</v>
      </c>
      <c r="C74" s="7">
        <v>1131981831.5899999</v>
      </c>
      <c r="D74" s="7">
        <v>60</v>
      </c>
      <c r="E74" s="7">
        <v>98.21</v>
      </c>
    </row>
    <row r="75" spans="1:6" x14ac:dyDescent="0.25">
      <c r="A75" s="2" t="s">
        <v>106</v>
      </c>
      <c r="B75" s="4" t="s">
        <v>704</v>
      </c>
      <c r="C75" s="7">
        <v>0</v>
      </c>
      <c r="D75" s="7">
        <v>60</v>
      </c>
      <c r="E75" s="7">
        <v>0</v>
      </c>
    </row>
    <row r="76" spans="1:6" x14ac:dyDescent="0.25">
      <c r="A76" s="2" t="s">
        <v>108</v>
      </c>
      <c r="B76" s="4" t="s">
        <v>705</v>
      </c>
      <c r="C76" s="7">
        <v>0</v>
      </c>
      <c r="D76" s="7">
        <v>0</v>
      </c>
      <c r="E76" s="7">
        <v>0</v>
      </c>
    </row>
    <row r="78" spans="1:6" x14ac:dyDescent="0.25">
      <c r="A78" s="8" t="s">
        <v>6</v>
      </c>
      <c r="B78" s="8" t="s">
        <v>706</v>
      </c>
      <c r="C78" s="8" t="s">
        <v>698</v>
      </c>
      <c r="D78" s="8" t="s">
        <v>707</v>
      </c>
    </row>
    <row r="79" spans="1:6" x14ac:dyDescent="0.25">
      <c r="A79" s="8" t="s">
        <v>5</v>
      </c>
      <c r="B79" s="8" t="s">
        <v>5</v>
      </c>
      <c r="C79" s="8" t="s">
        <v>5</v>
      </c>
      <c r="D79" s="8" t="s">
        <v>5</v>
      </c>
    </row>
    <row r="80" spans="1:6" x14ac:dyDescent="0.25">
      <c r="A80" s="2" t="s">
        <v>110</v>
      </c>
      <c r="B80" s="4" t="s">
        <v>708</v>
      </c>
      <c r="C80" s="7">
        <v>28464213</v>
      </c>
      <c r="D80" s="7">
        <v>6539469</v>
      </c>
    </row>
    <row r="81" spans="1:6" x14ac:dyDescent="0.25">
      <c r="A81" s="2" t="s">
        <v>112</v>
      </c>
      <c r="B81" s="4" t="s">
        <v>709</v>
      </c>
      <c r="C81" s="7">
        <v>1141210455.5799999</v>
      </c>
      <c r="D81" s="7">
        <v>942346274.46000004</v>
      </c>
    </row>
    <row r="83" spans="1:6" x14ac:dyDescent="0.25">
      <c r="A83" s="8" t="s">
        <v>6</v>
      </c>
      <c r="B83" s="8" t="s">
        <v>710</v>
      </c>
      <c r="C83" s="8" t="s">
        <v>711</v>
      </c>
      <c r="D83" s="8" t="s">
        <v>712</v>
      </c>
      <c r="E83" s="8" t="s">
        <v>713</v>
      </c>
      <c r="F83" s="8" t="s">
        <v>714</v>
      </c>
    </row>
    <row r="84" spans="1:6" x14ac:dyDescent="0.25">
      <c r="A84" s="8" t="s">
        <v>5</v>
      </c>
      <c r="B84" s="8" t="s">
        <v>5</v>
      </c>
      <c r="C84" s="8" t="s">
        <v>5</v>
      </c>
      <c r="D84" s="8" t="s">
        <v>5</v>
      </c>
      <c r="E84" s="8" t="s">
        <v>5</v>
      </c>
      <c r="F84" s="8" t="s">
        <v>5</v>
      </c>
    </row>
    <row r="85" spans="1:6" x14ac:dyDescent="0.25">
      <c r="A85" s="2" t="s">
        <v>114</v>
      </c>
      <c r="B85" s="4" t="s">
        <v>715</v>
      </c>
      <c r="C85" s="7">
        <v>3891572249.21</v>
      </c>
      <c r="D85" s="7">
        <v>3192473852.0599999</v>
      </c>
      <c r="E85" s="7">
        <v>3080140375.9099998</v>
      </c>
      <c r="F85" s="7">
        <v>2655842425.0100002</v>
      </c>
    </row>
    <row r="86" spans="1:6" x14ac:dyDescent="0.25">
      <c r="A86" s="2" t="s">
        <v>116</v>
      </c>
      <c r="B86" s="4" t="s">
        <v>716</v>
      </c>
      <c r="C86" s="7">
        <v>3717708458.0500002</v>
      </c>
      <c r="D86" s="7">
        <v>3431039355.6100001</v>
      </c>
      <c r="E86" s="7">
        <v>3142391439.8000002</v>
      </c>
      <c r="F86" s="7">
        <v>2350774053.1100001</v>
      </c>
    </row>
    <row r="87" spans="1:6" x14ac:dyDescent="0.25">
      <c r="A87" s="2" t="s">
        <v>118</v>
      </c>
      <c r="B87" s="4" t="s">
        <v>717</v>
      </c>
      <c r="C87" s="7">
        <v>173863791.16</v>
      </c>
      <c r="D87" s="7">
        <v>-238565503.55000001</v>
      </c>
      <c r="E87" s="7">
        <v>-62251063.890000001</v>
      </c>
      <c r="F87" s="7">
        <v>305068371.89999998</v>
      </c>
    </row>
    <row r="88" spans="1:6" x14ac:dyDescent="0.25">
      <c r="A88" s="2" t="s">
        <v>119</v>
      </c>
      <c r="B88" s="4" t="s">
        <v>676</v>
      </c>
      <c r="C88" s="7">
        <v>0</v>
      </c>
      <c r="D88" s="7">
        <v>0</v>
      </c>
      <c r="E88" s="7">
        <v>0</v>
      </c>
      <c r="F88" s="7">
        <v>0</v>
      </c>
    </row>
    <row r="89" spans="1:6" x14ac:dyDescent="0.25">
      <c r="A89" s="2" t="s">
        <v>120</v>
      </c>
      <c r="B89" s="4" t="s">
        <v>718</v>
      </c>
      <c r="C89" s="7">
        <v>0</v>
      </c>
      <c r="D89" s="7">
        <v>0</v>
      </c>
      <c r="E89" s="7">
        <v>0</v>
      </c>
      <c r="F89" s="7">
        <v>0</v>
      </c>
    </row>
    <row r="90" spans="1:6" x14ac:dyDescent="0.25">
      <c r="A90" s="2" t="s">
        <v>121</v>
      </c>
      <c r="B90" s="4" t="s">
        <v>716</v>
      </c>
      <c r="C90" s="7">
        <v>0</v>
      </c>
      <c r="D90" s="7">
        <v>0</v>
      </c>
      <c r="E90" s="7">
        <v>0</v>
      </c>
      <c r="F90" s="7">
        <v>0</v>
      </c>
    </row>
    <row r="91" spans="1:6" x14ac:dyDescent="0.25">
      <c r="A91" s="2" t="s">
        <v>122</v>
      </c>
      <c r="B91" s="4" t="s">
        <v>717</v>
      </c>
      <c r="C91" s="7">
        <v>0</v>
      </c>
      <c r="D91" s="7">
        <v>0</v>
      </c>
      <c r="E91" s="7">
        <v>0</v>
      </c>
      <c r="F91" s="7">
        <v>0</v>
      </c>
    </row>
    <row r="92" spans="1:6" x14ac:dyDescent="0.25">
      <c r="A92" s="2" t="s">
        <v>123</v>
      </c>
      <c r="B92" s="4" t="s">
        <v>676</v>
      </c>
      <c r="C92" s="7">
        <v>0</v>
      </c>
      <c r="D92" s="7">
        <v>0</v>
      </c>
      <c r="E92" s="7">
        <v>0</v>
      </c>
      <c r="F92" s="7">
        <v>0</v>
      </c>
    </row>
    <row r="94" spans="1:6" x14ac:dyDescent="0.25">
      <c r="A94" s="8" t="s">
        <v>6</v>
      </c>
      <c r="B94" s="8" t="s">
        <v>719</v>
      </c>
      <c r="C94" s="8" t="s">
        <v>698</v>
      </c>
      <c r="D94" s="8" t="s">
        <v>720</v>
      </c>
    </row>
    <row r="95" spans="1:6" x14ac:dyDescent="0.25">
      <c r="A95" s="8" t="s">
        <v>5</v>
      </c>
      <c r="B95" s="8" t="s">
        <v>5</v>
      </c>
      <c r="C95" s="8" t="s">
        <v>5</v>
      </c>
      <c r="D95" s="8" t="s">
        <v>5</v>
      </c>
    </row>
    <row r="96" spans="1:6" x14ac:dyDescent="0.25">
      <c r="A96" s="2" t="s">
        <v>124</v>
      </c>
      <c r="B96" s="4" t="s">
        <v>721</v>
      </c>
      <c r="C96" s="7">
        <v>817708.8</v>
      </c>
      <c r="D96" s="7">
        <v>4375491.2</v>
      </c>
    </row>
    <row r="97" spans="1:5" x14ac:dyDescent="0.25">
      <c r="A97" s="2" t="s">
        <v>125</v>
      </c>
      <c r="B97" s="4" t="s">
        <v>722</v>
      </c>
      <c r="C97" s="7">
        <v>0</v>
      </c>
      <c r="D97" s="7">
        <v>5213200</v>
      </c>
    </row>
    <row r="99" spans="1:5" x14ac:dyDescent="0.25">
      <c r="A99" s="8" t="s">
        <v>6</v>
      </c>
      <c r="B99" s="8" t="s">
        <v>723</v>
      </c>
      <c r="C99" s="8" t="s">
        <v>698</v>
      </c>
      <c r="D99" s="8" t="s">
        <v>724</v>
      </c>
      <c r="E99" s="8" t="s">
        <v>724</v>
      </c>
    </row>
    <row r="100" spans="1:5" ht="21" x14ac:dyDescent="0.25">
      <c r="A100" s="8" t="s">
        <v>5</v>
      </c>
      <c r="B100" s="8" t="s">
        <v>5</v>
      </c>
      <c r="C100" s="8" t="s">
        <v>5</v>
      </c>
      <c r="D100" s="1" t="s">
        <v>700</v>
      </c>
      <c r="E100" s="1" t="s">
        <v>701</v>
      </c>
    </row>
    <row r="101" spans="1:5" x14ac:dyDescent="0.25">
      <c r="A101" s="2" t="s">
        <v>126</v>
      </c>
      <c r="B101" s="4" t="s">
        <v>725</v>
      </c>
      <c r="C101" s="7">
        <v>1564962126.8</v>
      </c>
      <c r="D101" s="7">
        <v>12</v>
      </c>
      <c r="E101" s="7">
        <v>14.39</v>
      </c>
    </row>
    <row r="103" spans="1:5" x14ac:dyDescent="0.25">
      <c r="A103" s="8" t="s">
        <v>6</v>
      </c>
      <c r="B103" s="8" t="s">
        <v>726</v>
      </c>
      <c r="C103" s="8" t="s">
        <v>727</v>
      </c>
    </row>
    <row r="104" spans="1:5" x14ac:dyDescent="0.25">
      <c r="A104" s="8" t="s">
        <v>5</v>
      </c>
      <c r="B104" s="8" t="s">
        <v>5</v>
      </c>
      <c r="C104" s="8" t="s">
        <v>5</v>
      </c>
    </row>
    <row r="105" spans="1:5" x14ac:dyDescent="0.25">
      <c r="A105" s="2" t="s">
        <v>128</v>
      </c>
      <c r="B105" s="4" t="s">
        <v>728</v>
      </c>
      <c r="C105" s="7">
        <v>0</v>
      </c>
    </row>
  </sheetData>
  <mergeCells count="54">
    <mergeCell ref="A3:F3"/>
    <mergeCell ref="A4:F4"/>
    <mergeCell ref="A5:F5"/>
    <mergeCell ref="A6:F6"/>
    <mergeCell ref="A7:F7"/>
    <mergeCell ref="A9:F9"/>
    <mergeCell ref="A10:A11"/>
    <mergeCell ref="B10:B11"/>
    <mergeCell ref="C10:C11"/>
    <mergeCell ref="A26:A27"/>
    <mergeCell ref="B26:B27"/>
    <mergeCell ref="C26:C27"/>
    <mergeCell ref="A31:A32"/>
    <mergeCell ref="B31:B32"/>
    <mergeCell ref="C31:C32"/>
    <mergeCell ref="A37:A38"/>
    <mergeCell ref="B37:B38"/>
    <mergeCell ref="C37:C38"/>
    <mergeCell ref="A50:A51"/>
    <mergeCell ref="B50:B51"/>
    <mergeCell ref="C50:C51"/>
    <mergeCell ref="D50:D51"/>
    <mergeCell ref="E50:E51"/>
    <mergeCell ref="F55:F56"/>
    <mergeCell ref="A71:A72"/>
    <mergeCell ref="B71:B72"/>
    <mergeCell ref="C71:C72"/>
    <mergeCell ref="D71:E71"/>
    <mergeCell ref="A55:A56"/>
    <mergeCell ref="B55:B56"/>
    <mergeCell ref="C55:C56"/>
    <mergeCell ref="D55:D56"/>
    <mergeCell ref="E55:E56"/>
    <mergeCell ref="A78:A79"/>
    <mergeCell ref="B78:B79"/>
    <mergeCell ref="C78:C79"/>
    <mergeCell ref="D78:D79"/>
    <mergeCell ref="A83:A84"/>
    <mergeCell ref="B83:B84"/>
    <mergeCell ref="C83:C84"/>
    <mergeCell ref="D83:D84"/>
    <mergeCell ref="E83:E84"/>
    <mergeCell ref="F83:F84"/>
    <mergeCell ref="A94:A95"/>
    <mergeCell ref="B94:B95"/>
    <mergeCell ref="C94:C95"/>
    <mergeCell ref="D94:D95"/>
    <mergeCell ref="A99:A100"/>
    <mergeCell ref="B99:B100"/>
    <mergeCell ref="C99:C100"/>
    <mergeCell ref="D99:E99"/>
    <mergeCell ref="A103:A104"/>
    <mergeCell ref="B103:B104"/>
    <mergeCell ref="C103:C104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218"/>
  <sheetViews>
    <sheetView showGridLines="0" workbookViewId="0"/>
  </sheetViews>
  <sheetFormatPr defaultRowHeight="15" x14ac:dyDescent="0.25"/>
  <cols>
    <col min="3" max="4" width="20.140625" bestFit="1" customWidth="1"/>
    <col min="5" max="5" width="19" bestFit="1" customWidth="1"/>
    <col min="6" max="6" width="20.140625" bestFit="1" customWidth="1"/>
    <col min="7" max="7" width="9.28515625" bestFit="1" customWidth="1"/>
    <col min="8" max="9" width="19" bestFit="1" customWidth="1"/>
    <col min="10" max="10" width="20.140625" bestFit="1" customWidth="1"/>
    <col min="11" max="11" width="9.28515625" bestFit="1" customWidth="1"/>
    <col min="12" max="12" width="19" bestFit="1" customWidth="1"/>
    <col min="13" max="13" width="17.28515625" bestFit="1" customWidth="1"/>
  </cols>
  <sheetData>
    <row r="3" spans="1:13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</row>
    <row r="4" spans="1:13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</row>
    <row r="5" spans="1:13" x14ac:dyDescent="0.25">
      <c r="A5" s="12" t="s">
        <v>729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</row>
    <row r="6" spans="1:13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</row>
    <row r="7" spans="1:13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</row>
    <row r="9" spans="1:13" x14ac:dyDescent="0.25">
      <c r="A9" s="9" t="s">
        <v>5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</row>
    <row r="10" spans="1:13" x14ac:dyDescent="0.25">
      <c r="A10" s="8" t="s">
        <v>6</v>
      </c>
      <c r="B10" s="8" t="s">
        <v>730</v>
      </c>
      <c r="C10" s="8" t="s">
        <v>503</v>
      </c>
      <c r="D10" s="8" t="s">
        <v>731</v>
      </c>
      <c r="E10" s="8" t="s">
        <v>167</v>
      </c>
      <c r="F10" s="8" t="s">
        <v>5</v>
      </c>
      <c r="G10" s="8" t="s">
        <v>5</v>
      </c>
      <c r="H10" s="8" t="s">
        <v>733</v>
      </c>
      <c r="I10" s="8" t="s">
        <v>171</v>
      </c>
      <c r="J10" s="8" t="s">
        <v>5</v>
      </c>
      <c r="K10" s="8" t="s">
        <v>5</v>
      </c>
      <c r="L10" s="8" t="s">
        <v>735</v>
      </c>
      <c r="M10" s="8" t="s">
        <v>736</v>
      </c>
    </row>
    <row r="11" spans="1:13" ht="31.5" x14ac:dyDescent="0.25">
      <c r="A11" s="8" t="s">
        <v>5</v>
      </c>
      <c r="B11" s="8" t="s">
        <v>5</v>
      </c>
      <c r="C11" s="8" t="s">
        <v>5</v>
      </c>
      <c r="D11" s="8" t="s">
        <v>5</v>
      </c>
      <c r="E11" s="1" t="s">
        <v>168</v>
      </c>
      <c r="F11" s="1" t="s">
        <v>477</v>
      </c>
      <c r="G11" s="1" t="s">
        <v>732</v>
      </c>
      <c r="H11" s="8" t="s">
        <v>5</v>
      </c>
      <c r="I11" s="1" t="s">
        <v>172</v>
      </c>
      <c r="J11" s="1" t="s">
        <v>505</v>
      </c>
      <c r="K11" s="1" t="s">
        <v>734</v>
      </c>
      <c r="L11" s="8" t="s">
        <v>5</v>
      </c>
      <c r="M11" s="8" t="s">
        <v>5</v>
      </c>
    </row>
    <row r="12" spans="1:13" x14ac:dyDescent="0.25">
      <c r="A12" s="3" t="s">
        <v>16</v>
      </c>
      <c r="B12" s="5" t="s">
        <v>737</v>
      </c>
      <c r="C12" s="6">
        <v>14497115300</v>
      </c>
      <c r="D12" s="6">
        <v>15728994509.620001</v>
      </c>
      <c r="E12" s="6">
        <v>1761211788.03</v>
      </c>
      <c r="F12" s="6">
        <v>13300395946.299999</v>
      </c>
      <c r="G12" s="6">
        <v>86.59</v>
      </c>
      <c r="H12" s="6">
        <v>2428598563.3200002</v>
      </c>
      <c r="I12" s="6">
        <v>2470699958.5999999</v>
      </c>
      <c r="J12" s="6">
        <v>13019449687.360001</v>
      </c>
      <c r="K12" s="6">
        <v>86.28</v>
      </c>
      <c r="L12" s="6">
        <v>2709544822.2600002</v>
      </c>
      <c r="M12" s="6">
        <v>280946258.94</v>
      </c>
    </row>
    <row r="13" spans="1:13" x14ac:dyDescent="0.25">
      <c r="A13" s="3" t="s">
        <v>18</v>
      </c>
      <c r="B13" s="5" t="s">
        <v>738</v>
      </c>
      <c r="C13" s="6">
        <v>500283300</v>
      </c>
      <c r="D13" s="6">
        <v>500343300</v>
      </c>
      <c r="E13" s="6">
        <v>31816862.120000001</v>
      </c>
      <c r="F13" s="6">
        <v>410678965.73000002</v>
      </c>
      <c r="G13" s="6">
        <v>2.68</v>
      </c>
      <c r="H13" s="6">
        <v>89664334.269999996</v>
      </c>
      <c r="I13" s="6">
        <v>79945414.129999995</v>
      </c>
      <c r="J13" s="6">
        <v>395720741.47000003</v>
      </c>
      <c r="K13" s="6">
        <v>2.62</v>
      </c>
      <c r="L13" s="6">
        <v>104622558.53</v>
      </c>
      <c r="M13" s="6">
        <v>14958224.26</v>
      </c>
    </row>
    <row r="14" spans="1:13" x14ac:dyDescent="0.25">
      <c r="A14" s="2" t="s">
        <v>20</v>
      </c>
      <c r="B14" s="4" t="s">
        <v>739</v>
      </c>
      <c r="C14" s="7">
        <v>258326400</v>
      </c>
      <c r="D14" s="7">
        <v>258386400</v>
      </c>
      <c r="E14" s="7">
        <v>28743583.670000002</v>
      </c>
      <c r="F14" s="7">
        <v>219066140.44</v>
      </c>
      <c r="G14" s="7">
        <v>1.43</v>
      </c>
      <c r="H14" s="7">
        <v>39320259.560000002</v>
      </c>
      <c r="I14" s="7">
        <v>42133870.200000003</v>
      </c>
      <c r="J14" s="7">
        <v>210038721.27000001</v>
      </c>
      <c r="K14" s="7">
        <v>1.39</v>
      </c>
      <c r="L14" s="7">
        <v>48347678.729999997</v>
      </c>
      <c r="M14" s="7">
        <v>9027419.1699999999</v>
      </c>
    </row>
    <row r="15" spans="1:13" x14ac:dyDescent="0.25">
      <c r="A15" s="2" t="s">
        <v>22</v>
      </c>
      <c r="B15" s="4" t="s">
        <v>740</v>
      </c>
      <c r="C15" s="7">
        <v>240256900</v>
      </c>
      <c r="D15" s="7">
        <v>240256900</v>
      </c>
      <c r="E15" s="7">
        <v>3181914.42</v>
      </c>
      <c r="F15" s="7">
        <v>190115571.30000001</v>
      </c>
      <c r="G15" s="7">
        <v>1.24</v>
      </c>
      <c r="H15" s="7">
        <v>50141328.700000003</v>
      </c>
      <c r="I15" s="7">
        <v>37560745.979999997</v>
      </c>
      <c r="J15" s="7">
        <v>184184766.21000001</v>
      </c>
      <c r="K15" s="7">
        <v>1.22</v>
      </c>
      <c r="L15" s="7">
        <v>56072133.789999999</v>
      </c>
      <c r="M15" s="7">
        <v>5930805.0899999999</v>
      </c>
    </row>
    <row r="16" spans="1:13" x14ac:dyDescent="0.25">
      <c r="A16" s="2" t="s">
        <v>24</v>
      </c>
      <c r="B16" s="4" t="s">
        <v>741</v>
      </c>
      <c r="C16" s="7">
        <v>1700000</v>
      </c>
      <c r="D16" s="7">
        <v>1700000</v>
      </c>
      <c r="E16" s="7">
        <v>-108635.97</v>
      </c>
      <c r="F16" s="7">
        <v>1497253.99</v>
      </c>
      <c r="G16" s="7">
        <v>0.01</v>
      </c>
      <c r="H16" s="7">
        <v>202746.01</v>
      </c>
      <c r="I16" s="7">
        <v>250797.95</v>
      </c>
      <c r="J16" s="7">
        <v>1497253.99</v>
      </c>
      <c r="K16" s="7">
        <v>0.01</v>
      </c>
      <c r="L16" s="7">
        <v>202746.01</v>
      </c>
      <c r="M16" s="7">
        <v>0</v>
      </c>
    </row>
    <row r="17" spans="1:13" x14ac:dyDescent="0.25">
      <c r="A17" s="3" t="s">
        <v>26</v>
      </c>
      <c r="B17" s="5" t="s">
        <v>742</v>
      </c>
      <c r="C17" s="6">
        <v>984189600</v>
      </c>
      <c r="D17" s="6">
        <v>994979600</v>
      </c>
      <c r="E17" s="6">
        <v>-7943080.3499999996</v>
      </c>
      <c r="F17" s="6">
        <v>916894638.21000004</v>
      </c>
      <c r="G17" s="6">
        <v>5.97</v>
      </c>
      <c r="H17" s="6">
        <v>78084961.790000007</v>
      </c>
      <c r="I17" s="6">
        <v>199758882.91999999</v>
      </c>
      <c r="J17" s="6">
        <v>896152531.35000002</v>
      </c>
      <c r="K17" s="6">
        <v>5.93</v>
      </c>
      <c r="L17" s="6">
        <v>98827068.650000006</v>
      </c>
      <c r="M17" s="6">
        <v>20742106.859999999</v>
      </c>
    </row>
    <row r="18" spans="1:13" x14ac:dyDescent="0.25">
      <c r="A18" s="2" t="s">
        <v>28</v>
      </c>
      <c r="B18" s="4" t="s">
        <v>743</v>
      </c>
      <c r="C18" s="7">
        <v>146613800</v>
      </c>
      <c r="D18" s="7">
        <v>170838800</v>
      </c>
      <c r="E18" s="7">
        <v>3210352.71</v>
      </c>
      <c r="F18" s="7">
        <v>152501667.37</v>
      </c>
      <c r="G18" s="7">
        <v>0.99</v>
      </c>
      <c r="H18" s="7">
        <v>18337132.629999999</v>
      </c>
      <c r="I18" s="7">
        <v>26536815.57</v>
      </c>
      <c r="J18" s="7">
        <v>139499896.65000001</v>
      </c>
      <c r="K18" s="7">
        <v>0.92</v>
      </c>
      <c r="L18" s="7">
        <v>31338903.350000001</v>
      </c>
      <c r="M18" s="7">
        <v>13001770.720000001</v>
      </c>
    </row>
    <row r="19" spans="1:13" x14ac:dyDescent="0.25">
      <c r="A19" s="2" t="s">
        <v>30</v>
      </c>
      <c r="B19" s="4" t="s">
        <v>744</v>
      </c>
      <c r="C19" s="7">
        <v>790507600</v>
      </c>
      <c r="D19" s="7">
        <v>777797600</v>
      </c>
      <c r="E19" s="7">
        <v>-15882914.800000001</v>
      </c>
      <c r="F19" s="7">
        <v>732704250.42999995</v>
      </c>
      <c r="G19" s="7">
        <v>4.7699999999999996</v>
      </c>
      <c r="H19" s="7">
        <v>45093349.57</v>
      </c>
      <c r="I19" s="7">
        <v>167473156.25</v>
      </c>
      <c r="J19" s="7">
        <v>732704250.42999995</v>
      </c>
      <c r="K19" s="7">
        <v>4.8600000000000003</v>
      </c>
      <c r="L19" s="7">
        <v>45093349.57</v>
      </c>
      <c r="M19" s="7">
        <v>0</v>
      </c>
    </row>
    <row r="20" spans="1:13" x14ac:dyDescent="0.25">
      <c r="A20" s="2" t="s">
        <v>32</v>
      </c>
      <c r="B20" s="4" t="s">
        <v>745</v>
      </c>
      <c r="C20" s="7">
        <v>40414000</v>
      </c>
      <c r="D20" s="7">
        <v>40414000</v>
      </c>
      <c r="E20" s="7">
        <v>5261178.47</v>
      </c>
      <c r="F20" s="7">
        <v>27045614.27</v>
      </c>
      <c r="G20" s="7">
        <v>0.18</v>
      </c>
      <c r="H20" s="7">
        <v>13368385.73</v>
      </c>
      <c r="I20" s="7">
        <v>5240436.6100000003</v>
      </c>
      <c r="J20" s="7">
        <v>21210541.100000001</v>
      </c>
      <c r="K20" s="7">
        <v>0.14000000000000001</v>
      </c>
      <c r="L20" s="7">
        <v>19203458.899999999</v>
      </c>
      <c r="M20" s="7">
        <v>5835073.1699999999</v>
      </c>
    </row>
    <row r="21" spans="1:13" x14ac:dyDescent="0.25">
      <c r="A21" s="2" t="s">
        <v>34</v>
      </c>
      <c r="B21" s="4" t="s">
        <v>746</v>
      </c>
      <c r="C21" s="7">
        <v>2860200</v>
      </c>
      <c r="D21" s="7">
        <v>1903048</v>
      </c>
      <c r="E21" s="7">
        <v>-556824.91</v>
      </c>
      <c r="F21" s="7">
        <v>883774.31</v>
      </c>
      <c r="G21" s="7">
        <v>0.01</v>
      </c>
      <c r="H21" s="7">
        <v>1019273.69</v>
      </c>
      <c r="I21" s="7">
        <v>51661.32</v>
      </c>
      <c r="J21" s="7">
        <v>507380.19</v>
      </c>
      <c r="K21" s="7">
        <v>0</v>
      </c>
      <c r="L21" s="7">
        <v>1395667.81</v>
      </c>
      <c r="M21" s="7">
        <v>376394.12</v>
      </c>
    </row>
    <row r="22" spans="1:13" x14ac:dyDescent="0.25">
      <c r="A22" s="2" t="s">
        <v>36</v>
      </c>
      <c r="B22" s="4" t="s">
        <v>747</v>
      </c>
      <c r="C22" s="7">
        <v>3112000</v>
      </c>
      <c r="D22" s="7">
        <v>3344152</v>
      </c>
      <c r="E22" s="7">
        <v>52553.99</v>
      </c>
      <c r="F22" s="7">
        <v>3104757.64</v>
      </c>
      <c r="G22" s="7">
        <v>0.02</v>
      </c>
      <c r="H22" s="7">
        <v>239394.36</v>
      </c>
      <c r="I22" s="7">
        <v>347166.7</v>
      </c>
      <c r="J22" s="7">
        <v>1575888.79</v>
      </c>
      <c r="K22" s="7">
        <v>0.01</v>
      </c>
      <c r="L22" s="7">
        <v>1768263.21</v>
      </c>
      <c r="M22" s="7">
        <v>1528868.85</v>
      </c>
    </row>
    <row r="23" spans="1:13" x14ac:dyDescent="0.25">
      <c r="A23" s="2" t="s">
        <v>38</v>
      </c>
      <c r="B23" s="4" t="s">
        <v>741</v>
      </c>
      <c r="C23" s="7">
        <v>682000</v>
      </c>
      <c r="D23" s="7">
        <v>682000</v>
      </c>
      <c r="E23" s="7">
        <v>-27425.81</v>
      </c>
      <c r="F23" s="7">
        <v>654574.18999999994</v>
      </c>
      <c r="G23" s="7">
        <v>0</v>
      </c>
      <c r="H23" s="7">
        <v>27425.81</v>
      </c>
      <c r="I23" s="7">
        <v>109646.47</v>
      </c>
      <c r="J23" s="7">
        <v>654574.18999999994</v>
      </c>
      <c r="K23" s="7">
        <v>0</v>
      </c>
      <c r="L23" s="7">
        <v>27425.81</v>
      </c>
      <c r="M23" s="7">
        <v>0</v>
      </c>
    </row>
    <row r="24" spans="1:13" x14ac:dyDescent="0.25">
      <c r="A24" s="3" t="s">
        <v>40</v>
      </c>
      <c r="B24" s="5" t="s">
        <v>748</v>
      </c>
      <c r="C24" s="6">
        <v>905827000</v>
      </c>
      <c r="D24" s="6">
        <v>977581515.74000001</v>
      </c>
      <c r="E24" s="6">
        <v>160575855.71000001</v>
      </c>
      <c r="F24" s="6">
        <v>929952118.87</v>
      </c>
      <c r="G24" s="6">
        <v>6.05</v>
      </c>
      <c r="H24" s="6">
        <v>47629396.869999997</v>
      </c>
      <c r="I24" s="6">
        <v>189246645.97</v>
      </c>
      <c r="J24" s="6">
        <v>905117822.91999996</v>
      </c>
      <c r="K24" s="6">
        <v>6</v>
      </c>
      <c r="L24" s="6">
        <v>72463692.819999993</v>
      </c>
      <c r="M24" s="6">
        <v>24834295.949999999</v>
      </c>
    </row>
    <row r="25" spans="1:13" x14ac:dyDescent="0.25">
      <c r="A25" s="2" t="s">
        <v>42</v>
      </c>
      <c r="B25" s="4" t="s">
        <v>749</v>
      </c>
      <c r="C25" s="7">
        <v>443051100</v>
      </c>
      <c r="D25" s="7">
        <v>460089339</v>
      </c>
      <c r="E25" s="7">
        <v>78640962.230000004</v>
      </c>
      <c r="F25" s="7">
        <v>428687153.36000001</v>
      </c>
      <c r="G25" s="7">
        <v>2.79</v>
      </c>
      <c r="H25" s="7">
        <v>31402185.640000001</v>
      </c>
      <c r="I25" s="7">
        <v>104403268.31999999</v>
      </c>
      <c r="J25" s="7">
        <v>407255306.60000002</v>
      </c>
      <c r="K25" s="7">
        <v>2.7</v>
      </c>
      <c r="L25" s="7">
        <v>52834032.399999999</v>
      </c>
      <c r="M25" s="7">
        <v>21431846.760000002</v>
      </c>
    </row>
    <row r="26" spans="1:13" x14ac:dyDescent="0.25">
      <c r="A26" s="2" t="s">
        <v>44</v>
      </c>
      <c r="B26" s="4" t="s">
        <v>750</v>
      </c>
      <c r="C26" s="7">
        <v>89446400</v>
      </c>
      <c r="D26" s="7">
        <v>78066757</v>
      </c>
      <c r="E26" s="7">
        <v>12806035.800000001</v>
      </c>
      <c r="F26" s="7">
        <v>68267268.099999994</v>
      </c>
      <c r="G26" s="7">
        <v>0.44</v>
      </c>
      <c r="H26" s="7">
        <v>9799488.9000000004</v>
      </c>
      <c r="I26" s="7">
        <v>13755084.99</v>
      </c>
      <c r="J26" s="7">
        <v>68267268.099999994</v>
      </c>
      <c r="K26" s="7">
        <v>0.45</v>
      </c>
      <c r="L26" s="7">
        <v>9799488.9000000004</v>
      </c>
      <c r="M26" s="7">
        <v>0</v>
      </c>
    </row>
    <row r="27" spans="1:13" x14ac:dyDescent="0.25">
      <c r="A27" s="2" t="s">
        <v>46</v>
      </c>
      <c r="B27" s="4" t="s">
        <v>744</v>
      </c>
      <c r="C27" s="7">
        <v>18932700</v>
      </c>
      <c r="D27" s="7">
        <v>18932700</v>
      </c>
      <c r="E27" s="7">
        <v>1853971.47</v>
      </c>
      <c r="F27" s="7">
        <v>14723441.449999999</v>
      </c>
      <c r="G27" s="7">
        <v>0.1</v>
      </c>
      <c r="H27" s="7">
        <v>4209258.55</v>
      </c>
      <c r="I27" s="7">
        <v>2442380.64</v>
      </c>
      <c r="J27" s="7">
        <v>11370871.98</v>
      </c>
      <c r="K27" s="7">
        <v>0.08</v>
      </c>
      <c r="L27" s="7">
        <v>7561828.0199999996</v>
      </c>
      <c r="M27" s="7">
        <v>3352569.47</v>
      </c>
    </row>
    <row r="28" spans="1:13" x14ac:dyDescent="0.25">
      <c r="A28" s="2" t="s">
        <v>48</v>
      </c>
      <c r="B28" s="4" t="s">
        <v>746</v>
      </c>
      <c r="C28" s="7">
        <v>4589500</v>
      </c>
      <c r="D28" s="7">
        <v>5847764</v>
      </c>
      <c r="E28" s="7">
        <v>864654.05</v>
      </c>
      <c r="F28" s="7">
        <v>5422253.5300000003</v>
      </c>
      <c r="G28" s="7">
        <v>0.04</v>
      </c>
      <c r="H28" s="7">
        <v>425510.47</v>
      </c>
      <c r="I28" s="7">
        <v>980607.63</v>
      </c>
      <c r="J28" s="7">
        <v>5415533.5300000003</v>
      </c>
      <c r="K28" s="7">
        <v>0.04</v>
      </c>
      <c r="L28" s="7">
        <v>432230.47</v>
      </c>
      <c r="M28" s="7">
        <v>6720</v>
      </c>
    </row>
    <row r="29" spans="1:13" x14ac:dyDescent="0.25">
      <c r="A29" s="2" t="s">
        <v>50</v>
      </c>
      <c r="B29" s="4" t="s">
        <v>751</v>
      </c>
      <c r="C29" s="7">
        <v>169520100</v>
      </c>
      <c r="D29" s="7">
        <v>171033255.74000001</v>
      </c>
      <c r="E29" s="7">
        <v>36080976.170000002</v>
      </c>
      <c r="F29" s="7">
        <v>170957063.66999999</v>
      </c>
      <c r="G29" s="7">
        <v>1.1100000000000001</v>
      </c>
      <c r="H29" s="7">
        <v>76192.070000000007</v>
      </c>
      <c r="I29" s="7">
        <v>36135964.700000003</v>
      </c>
      <c r="J29" s="7">
        <v>170913903.94999999</v>
      </c>
      <c r="K29" s="7">
        <v>1.1299999999999999</v>
      </c>
      <c r="L29" s="7">
        <v>119351.79</v>
      </c>
      <c r="M29" s="7">
        <v>43159.72</v>
      </c>
    </row>
    <row r="30" spans="1:13" x14ac:dyDescent="0.25">
      <c r="A30" s="2" t="s">
        <v>52</v>
      </c>
      <c r="B30" s="4" t="s">
        <v>741</v>
      </c>
      <c r="C30" s="7">
        <v>180287200</v>
      </c>
      <c r="D30" s="7">
        <v>243611700</v>
      </c>
      <c r="E30" s="7">
        <v>30329255.989999998</v>
      </c>
      <c r="F30" s="7">
        <v>241894938.75999999</v>
      </c>
      <c r="G30" s="7">
        <v>1.57</v>
      </c>
      <c r="H30" s="7">
        <v>1716761.24</v>
      </c>
      <c r="I30" s="7">
        <v>31529339.690000001</v>
      </c>
      <c r="J30" s="7">
        <v>241894938.75999999</v>
      </c>
      <c r="K30" s="7">
        <v>1.6</v>
      </c>
      <c r="L30" s="7">
        <v>1716761.24</v>
      </c>
      <c r="M30" s="7">
        <v>0</v>
      </c>
    </row>
    <row r="31" spans="1:13" x14ac:dyDescent="0.25">
      <c r="A31" s="3" t="s">
        <v>54</v>
      </c>
      <c r="B31" s="5" t="s">
        <v>752</v>
      </c>
      <c r="C31" s="6">
        <v>1120539300</v>
      </c>
      <c r="D31" s="6">
        <v>1115481187.8699999</v>
      </c>
      <c r="E31" s="6">
        <v>130055432.19</v>
      </c>
      <c r="F31" s="6">
        <v>760991535.20000005</v>
      </c>
      <c r="G31" s="6">
        <v>4.96</v>
      </c>
      <c r="H31" s="6">
        <v>354489652.67000002</v>
      </c>
      <c r="I31" s="6">
        <v>161321563.53999999</v>
      </c>
      <c r="J31" s="6">
        <v>760253879.25</v>
      </c>
      <c r="K31" s="6">
        <v>5.04</v>
      </c>
      <c r="L31" s="6">
        <v>355227308.62</v>
      </c>
      <c r="M31" s="6">
        <v>737655.95</v>
      </c>
    </row>
    <row r="32" spans="1:13" x14ac:dyDescent="0.25">
      <c r="A32" s="2" t="s">
        <v>56</v>
      </c>
      <c r="B32" s="4" t="s">
        <v>744</v>
      </c>
      <c r="C32" s="7">
        <v>1059130600</v>
      </c>
      <c r="D32" s="7">
        <v>1052958689.25</v>
      </c>
      <c r="E32" s="7">
        <v>126424068.54000001</v>
      </c>
      <c r="F32" s="7">
        <v>735720893.19000006</v>
      </c>
      <c r="G32" s="7">
        <v>4.79</v>
      </c>
      <c r="H32" s="7">
        <v>317237796.06</v>
      </c>
      <c r="I32" s="7">
        <v>157270522.38999999</v>
      </c>
      <c r="J32" s="7">
        <v>734986712.36000001</v>
      </c>
      <c r="K32" s="7">
        <v>4.87</v>
      </c>
      <c r="L32" s="7">
        <v>317971976.88999999</v>
      </c>
      <c r="M32" s="7">
        <v>734180.83</v>
      </c>
    </row>
    <row r="33" spans="1:13" x14ac:dyDescent="0.25">
      <c r="A33" s="2" t="s">
        <v>58</v>
      </c>
      <c r="B33" s="4" t="s">
        <v>753</v>
      </c>
      <c r="C33" s="7">
        <v>24644300</v>
      </c>
      <c r="D33" s="7">
        <v>24644300</v>
      </c>
      <c r="E33" s="7">
        <v>16860</v>
      </c>
      <c r="F33" s="7">
        <v>4965880.33</v>
      </c>
      <c r="G33" s="7">
        <v>0.03</v>
      </c>
      <c r="H33" s="7">
        <v>19678419.670000002</v>
      </c>
      <c r="I33" s="7">
        <v>228085</v>
      </c>
      <c r="J33" s="7">
        <v>4965880.33</v>
      </c>
      <c r="K33" s="7">
        <v>0.03</v>
      </c>
      <c r="L33" s="7">
        <v>19678419.670000002</v>
      </c>
      <c r="M33" s="7">
        <v>0</v>
      </c>
    </row>
    <row r="34" spans="1:13" x14ac:dyDescent="0.25">
      <c r="A34" s="2" t="s">
        <v>60</v>
      </c>
      <c r="B34" s="4" t="s">
        <v>754</v>
      </c>
      <c r="C34" s="7">
        <v>13994900</v>
      </c>
      <c r="D34" s="7">
        <v>15203778.1</v>
      </c>
      <c r="E34" s="7">
        <v>2822892.87</v>
      </c>
      <c r="F34" s="7">
        <v>13112124.15</v>
      </c>
      <c r="G34" s="7">
        <v>0.09</v>
      </c>
      <c r="H34" s="7">
        <v>2091653.95</v>
      </c>
      <c r="I34" s="7">
        <v>2896697.24</v>
      </c>
      <c r="J34" s="7">
        <v>13112124.15</v>
      </c>
      <c r="K34" s="7">
        <v>0.09</v>
      </c>
      <c r="L34" s="7">
        <v>2091653.95</v>
      </c>
      <c r="M34" s="7">
        <v>0</v>
      </c>
    </row>
    <row r="35" spans="1:13" x14ac:dyDescent="0.25">
      <c r="A35" s="2" t="s">
        <v>62</v>
      </c>
      <c r="B35" s="4" t="s">
        <v>745</v>
      </c>
      <c r="C35" s="7">
        <v>4800</v>
      </c>
      <c r="D35" s="7">
        <v>4800</v>
      </c>
      <c r="E35" s="7">
        <v>0</v>
      </c>
      <c r="F35" s="7">
        <v>0</v>
      </c>
      <c r="G35" s="7">
        <v>0</v>
      </c>
      <c r="H35" s="7">
        <v>4800</v>
      </c>
      <c r="I35" s="7">
        <v>0</v>
      </c>
      <c r="J35" s="7">
        <v>0</v>
      </c>
      <c r="K35" s="7">
        <v>0</v>
      </c>
      <c r="L35" s="7">
        <v>4800</v>
      </c>
      <c r="M35" s="7">
        <v>0</v>
      </c>
    </row>
    <row r="36" spans="1:13" x14ac:dyDescent="0.25">
      <c r="A36" s="2" t="s">
        <v>64</v>
      </c>
      <c r="B36" s="4" t="s">
        <v>746</v>
      </c>
      <c r="C36" s="7">
        <v>10700000</v>
      </c>
      <c r="D36" s="7">
        <v>10700000</v>
      </c>
      <c r="E36" s="7">
        <v>48984</v>
      </c>
      <c r="F36" s="7">
        <v>110832</v>
      </c>
      <c r="G36" s="7">
        <v>0</v>
      </c>
      <c r="H36" s="7">
        <v>10589168</v>
      </c>
      <c r="I36" s="7">
        <v>48984</v>
      </c>
      <c r="J36" s="7">
        <v>110832</v>
      </c>
      <c r="K36" s="7">
        <v>0</v>
      </c>
      <c r="L36" s="7">
        <v>10589168</v>
      </c>
      <c r="M36" s="7">
        <v>0</v>
      </c>
    </row>
    <row r="37" spans="1:13" x14ac:dyDescent="0.25">
      <c r="A37" s="2" t="s">
        <v>66</v>
      </c>
      <c r="B37" s="4" t="s">
        <v>755</v>
      </c>
      <c r="C37" s="7">
        <v>2300</v>
      </c>
      <c r="D37" s="7">
        <v>2300</v>
      </c>
      <c r="E37" s="7">
        <v>0</v>
      </c>
      <c r="F37" s="7">
        <v>0</v>
      </c>
      <c r="G37" s="7">
        <v>0</v>
      </c>
      <c r="H37" s="7">
        <v>2300</v>
      </c>
      <c r="I37" s="7">
        <v>0</v>
      </c>
      <c r="J37" s="7">
        <v>0</v>
      </c>
      <c r="K37" s="7">
        <v>0</v>
      </c>
      <c r="L37" s="7">
        <v>2300</v>
      </c>
      <c r="M37" s="7">
        <v>0</v>
      </c>
    </row>
    <row r="38" spans="1:13" x14ac:dyDescent="0.25">
      <c r="A38" s="2" t="s">
        <v>68</v>
      </c>
      <c r="B38" s="4" t="s">
        <v>756</v>
      </c>
      <c r="C38" s="7">
        <v>12019400</v>
      </c>
      <c r="D38" s="7">
        <v>11896834</v>
      </c>
      <c r="E38" s="7">
        <v>742626.78</v>
      </c>
      <c r="F38" s="7">
        <v>7057929.5300000003</v>
      </c>
      <c r="G38" s="7">
        <v>0.05</v>
      </c>
      <c r="H38" s="7">
        <v>4838904.47</v>
      </c>
      <c r="I38" s="7">
        <v>877274.91</v>
      </c>
      <c r="J38" s="7">
        <v>7054454.4100000001</v>
      </c>
      <c r="K38" s="7">
        <v>0.05</v>
      </c>
      <c r="L38" s="7">
        <v>4842379.59</v>
      </c>
      <c r="M38" s="7">
        <v>3475.12</v>
      </c>
    </row>
    <row r="39" spans="1:13" x14ac:dyDescent="0.25">
      <c r="A39" s="2" t="s">
        <v>70</v>
      </c>
      <c r="B39" s="4" t="s">
        <v>757</v>
      </c>
      <c r="C39" s="7">
        <v>43000</v>
      </c>
      <c r="D39" s="7">
        <v>70486.52</v>
      </c>
      <c r="E39" s="7">
        <v>0</v>
      </c>
      <c r="F39" s="7">
        <v>23876</v>
      </c>
      <c r="G39" s="7">
        <v>0</v>
      </c>
      <c r="H39" s="7">
        <v>46610.52</v>
      </c>
      <c r="I39" s="7">
        <v>0</v>
      </c>
      <c r="J39" s="7">
        <v>23876</v>
      </c>
      <c r="K39" s="7">
        <v>0</v>
      </c>
      <c r="L39" s="7">
        <v>46610.52</v>
      </c>
      <c r="M39" s="7">
        <v>0</v>
      </c>
    </row>
    <row r="40" spans="1:13" x14ac:dyDescent="0.25">
      <c r="A40" s="3" t="s">
        <v>72</v>
      </c>
      <c r="B40" s="5" t="s">
        <v>758</v>
      </c>
      <c r="C40" s="6">
        <v>1995135900</v>
      </c>
      <c r="D40" s="6">
        <v>1603844103.25</v>
      </c>
      <c r="E40" s="6">
        <v>178142186.5</v>
      </c>
      <c r="F40" s="6">
        <v>1240097629.22</v>
      </c>
      <c r="G40" s="6">
        <v>8.07</v>
      </c>
      <c r="H40" s="6">
        <v>363746474.02999997</v>
      </c>
      <c r="I40" s="6">
        <v>266203741.86000001</v>
      </c>
      <c r="J40" s="6">
        <v>1239098578.6199999</v>
      </c>
      <c r="K40" s="6">
        <v>8.2100000000000009</v>
      </c>
      <c r="L40" s="6">
        <v>364745524.63</v>
      </c>
      <c r="M40" s="6">
        <v>999050.6</v>
      </c>
    </row>
    <row r="41" spans="1:13" x14ac:dyDescent="0.25">
      <c r="A41" s="2" t="s">
        <v>74</v>
      </c>
      <c r="B41" s="4" t="s">
        <v>744</v>
      </c>
      <c r="C41" s="7">
        <v>1871074900</v>
      </c>
      <c r="D41" s="7">
        <v>1451300765.25</v>
      </c>
      <c r="E41" s="7">
        <v>193166103.21000001</v>
      </c>
      <c r="F41" s="7">
        <v>1215883392.6700001</v>
      </c>
      <c r="G41" s="7">
        <v>7.91</v>
      </c>
      <c r="H41" s="7">
        <v>235417372.58000001</v>
      </c>
      <c r="I41" s="7">
        <v>261270304.06999999</v>
      </c>
      <c r="J41" s="7">
        <v>1215883392.6700001</v>
      </c>
      <c r="K41" s="7">
        <v>8.06</v>
      </c>
      <c r="L41" s="7">
        <v>235417372.58000001</v>
      </c>
      <c r="M41" s="7">
        <v>0</v>
      </c>
    </row>
    <row r="42" spans="1:13" x14ac:dyDescent="0.25">
      <c r="A42" s="2" t="s">
        <v>76</v>
      </c>
      <c r="B42" s="4" t="s">
        <v>759</v>
      </c>
      <c r="C42" s="7">
        <v>124056900</v>
      </c>
      <c r="D42" s="7">
        <v>152539238</v>
      </c>
      <c r="E42" s="7">
        <v>-15023916.710000001</v>
      </c>
      <c r="F42" s="7">
        <v>24214236.550000001</v>
      </c>
      <c r="G42" s="7">
        <v>0.16</v>
      </c>
      <c r="H42" s="7">
        <v>128325001.45</v>
      </c>
      <c r="I42" s="7">
        <v>4933437.79</v>
      </c>
      <c r="J42" s="7">
        <v>23215185.949999999</v>
      </c>
      <c r="K42" s="7">
        <v>0.15</v>
      </c>
      <c r="L42" s="7">
        <v>129324052.05</v>
      </c>
      <c r="M42" s="7">
        <v>999050.6</v>
      </c>
    </row>
    <row r="43" spans="1:13" x14ac:dyDescent="0.25">
      <c r="A43" s="2" t="s">
        <v>78</v>
      </c>
      <c r="B43" s="4" t="s">
        <v>760</v>
      </c>
      <c r="C43" s="7">
        <v>0</v>
      </c>
      <c r="D43" s="7">
        <v>0</v>
      </c>
      <c r="E43" s="7">
        <v>0</v>
      </c>
      <c r="F43" s="7">
        <v>0</v>
      </c>
      <c r="G43" s="7">
        <v>0</v>
      </c>
      <c r="H43" s="7">
        <v>0</v>
      </c>
      <c r="I43" s="7">
        <v>0</v>
      </c>
      <c r="J43" s="7">
        <v>0</v>
      </c>
      <c r="K43" s="7">
        <v>0</v>
      </c>
      <c r="L43" s="7">
        <v>0</v>
      </c>
      <c r="M43" s="7">
        <v>0</v>
      </c>
    </row>
    <row r="44" spans="1:13" x14ac:dyDescent="0.25">
      <c r="A44" s="2" t="s">
        <v>80</v>
      </c>
      <c r="B44" s="4" t="s">
        <v>761</v>
      </c>
      <c r="C44" s="7">
        <v>500</v>
      </c>
      <c r="D44" s="7">
        <v>500</v>
      </c>
      <c r="E44" s="7">
        <v>0</v>
      </c>
      <c r="F44" s="7">
        <v>0</v>
      </c>
      <c r="G44" s="7">
        <v>0</v>
      </c>
      <c r="H44" s="7">
        <v>500</v>
      </c>
      <c r="I44" s="7">
        <v>0</v>
      </c>
      <c r="J44" s="7">
        <v>0</v>
      </c>
      <c r="K44" s="7">
        <v>0</v>
      </c>
      <c r="L44" s="7">
        <v>500</v>
      </c>
      <c r="M44" s="7">
        <v>0</v>
      </c>
    </row>
    <row r="45" spans="1:13" x14ac:dyDescent="0.25">
      <c r="A45" s="2" t="s">
        <v>82</v>
      </c>
      <c r="B45" s="4" t="s">
        <v>762</v>
      </c>
      <c r="C45" s="7">
        <v>200</v>
      </c>
      <c r="D45" s="7">
        <v>200</v>
      </c>
      <c r="E45" s="7">
        <v>0</v>
      </c>
      <c r="F45" s="7">
        <v>0</v>
      </c>
      <c r="G45" s="7">
        <v>0</v>
      </c>
      <c r="H45" s="7">
        <v>200</v>
      </c>
      <c r="I45" s="7">
        <v>0</v>
      </c>
      <c r="J45" s="7">
        <v>0</v>
      </c>
      <c r="K45" s="7">
        <v>0</v>
      </c>
      <c r="L45" s="7">
        <v>200</v>
      </c>
      <c r="M45" s="7">
        <v>0</v>
      </c>
    </row>
    <row r="46" spans="1:13" x14ac:dyDescent="0.25">
      <c r="A46" s="2" t="s">
        <v>84</v>
      </c>
      <c r="B46" s="4" t="s">
        <v>763</v>
      </c>
      <c r="C46" s="7">
        <v>3400</v>
      </c>
      <c r="D46" s="7">
        <v>3400</v>
      </c>
      <c r="E46" s="7">
        <v>0</v>
      </c>
      <c r="F46" s="7">
        <v>0</v>
      </c>
      <c r="G46" s="7">
        <v>0</v>
      </c>
      <c r="H46" s="7">
        <v>3400</v>
      </c>
      <c r="I46" s="7">
        <v>0</v>
      </c>
      <c r="J46" s="7">
        <v>0</v>
      </c>
      <c r="K46" s="7">
        <v>0</v>
      </c>
      <c r="L46" s="7">
        <v>3400</v>
      </c>
      <c r="M46" s="7">
        <v>0</v>
      </c>
    </row>
    <row r="47" spans="1:13" x14ac:dyDescent="0.25">
      <c r="A47" s="3" t="s">
        <v>86</v>
      </c>
      <c r="B47" s="5" t="s">
        <v>764</v>
      </c>
      <c r="C47" s="6">
        <v>223573700</v>
      </c>
      <c r="D47" s="6">
        <v>225611120</v>
      </c>
      <c r="E47" s="6">
        <v>25897694.27</v>
      </c>
      <c r="F47" s="6">
        <v>177383864.75999999</v>
      </c>
      <c r="G47" s="6">
        <v>1.1599999999999999</v>
      </c>
      <c r="H47" s="6">
        <v>48227255.240000002</v>
      </c>
      <c r="I47" s="6">
        <v>27725021.34</v>
      </c>
      <c r="J47" s="6">
        <v>177383864.75999999</v>
      </c>
      <c r="K47" s="6">
        <v>1.18</v>
      </c>
      <c r="L47" s="6">
        <v>48227255.240000002</v>
      </c>
      <c r="M47" s="6">
        <v>0</v>
      </c>
    </row>
    <row r="48" spans="1:13" x14ac:dyDescent="0.25">
      <c r="A48" s="2" t="s">
        <v>88</v>
      </c>
      <c r="B48" s="4" t="s">
        <v>744</v>
      </c>
      <c r="C48" s="7">
        <v>54779300</v>
      </c>
      <c r="D48" s="7">
        <v>60613200</v>
      </c>
      <c r="E48" s="7">
        <v>10422269.32</v>
      </c>
      <c r="F48" s="7">
        <v>55120686.68</v>
      </c>
      <c r="G48" s="7">
        <v>0.36</v>
      </c>
      <c r="H48" s="7">
        <v>5492513.3200000003</v>
      </c>
      <c r="I48" s="7">
        <v>10841513.75</v>
      </c>
      <c r="J48" s="7">
        <v>55120686.68</v>
      </c>
      <c r="K48" s="7">
        <v>0.37</v>
      </c>
      <c r="L48" s="7">
        <v>5492513.3200000003</v>
      </c>
      <c r="M48" s="7">
        <v>0</v>
      </c>
    </row>
    <row r="49" spans="1:13" x14ac:dyDescent="0.25">
      <c r="A49" s="2" t="s">
        <v>90</v>
      </c>
      <c r="B49" s="4" t="s">
        <v>765</v>
      </c>
      <c r="C49" s="7">
        <v>5553200</v>
      </c>
      <c r="D49" s="7">
        <v>5553200</v>
      </c>
      <c r="E49" s="7">
        <v>0</v>
      </c>
      <c r="F49" s="7">
        <v>0</v>
      </c>
      <c r="G49" s="7">
        <v>0</v>
      </c>
      <c r="H49" s="7">
        <v>5553200</v>
      </c>
      <c r="I49" s="7">
        <v>0</v>
      </c>
      <c r="J49" s="7">
        <v>0</v>
      </c>
      <c r="K49" s="7">
        <v>0</v>
      </c>
      <c r="L49" s="7">
        <v>5553200</v>
      </c>
      <c r="M49" s="7">
        <v>0</v>
      </c>
    </row>
    <row r="50" spans="1:13" x14ac:dyDescent="0.25">
      <c r="A50" s="2" t="s">
        <v>92</v>
      </c>
      <c r="B50" s="4" t="s">
        <v>762</v>
      </c>
      <c r="C50" s="7">
        <v>1113000</v>
      </c>
      <c r="D50" s="7">
        <v>1652100</v>
      </c>
      <c r="E50" s="7">
        <v>0</v>
      </c>
      <c r="F50" s="7">
        <v>0</v>
      </c>
      <c r="G50" s="7">
        <v>0</v>
      </c>
      <c r="H50" s="7">
        <v>1652100</v>
      </c>
      <c r="I50" s="7">
        <v>0</v>
      </c>
      <c r="J50" s="7">
        <v>0</v>
      </c>
      <c r="K50" s="7">
        <v>0</v>
      </c>
      <c r="L50" s="7">
        <v>1652100</v>
      </c>
      <c r="M50" s="7">
        <v>0</v>
      </c>
    </row>
    <row r="51" spans="1:13" x14ac:dyDescent="0.25">
      <c r="A51" s="2" t="s">
        <v>94</v>
      </c>
      <c r="B51" s="4" t="s">
        <v>766</v>
      </c>
      <c r="C51" s="7">
        <v>138719200</v>
      </c>
      <c r="D51" s="7">
        <v>134969520</v>
      </c>
      <c r="E51" s="7">
        <v>14782130.52</v>
      </c>
      <c r="F51" s="7">
        <v>111773380.72</v>
      </c>
      <c r="G51" s="7">
        <v>0.73</v>
      </c>
      <c r="H51" s="7">
        <v>23196139.280000001</v>
      </c>
      <c r="I51" s="7">
        <v>15859312.199999999</v>
      </c>
      <c r="J51" s="7">
        <v>111773380.72</v>
      </c>
      <c r="K51" s="7">
        <v>0.74</v>
      </c>
      <c r="L51" s="7">
        <v>23196139.280000001</v>
      </c>
      <c r="M51" s="7">
        <v>0</v>
      </c>
    </row>
    <row r="52" spans="1:13" x14ac:dyDescent="0.25">
      <c r="A52" s="2" t="s">
        <v>96</v>
      </c>
      <c r="B52" s="4" t="s">
        <v>767</v>
      </c>
      <c r="C52" s="7">
        <v>22000000</v>
      </c>
      <c r="D52" s="7">
        <v>22000000</v>
      </c>
      <c r="E52" s="7">
        <v>691454.42</v>
      </c>
      <c r="F52" s="7">
        <v>10478810.76</v>
      </c>
      <c r="G52" s="7">
        <v>7.0000000000000007E-2</v>
      </c>
      <c r="H52" s="7">
        <v>11521189.24</v>
      </c>
      <c r="I52" s="7">
        <v>1022355.05</v>
      </c>
      <c r="J52" s="7">
        <v>10478810.76</v>
      </c>
      <c r="K52" s="7">
        <v>7.0000000000000007E-2</v>
      </c>
      <c r="L52" s="7">
        <v>11521189.24</v>
      </c>
      <c r="M52" s="7">
        <v>0</v>
      </c>
    </row>
    <row r="53" spans="1:13" x14ac:dyDescent="0.25">
      <c r="A53" s="2" t="s">
        <v>98</v>
      </c>
      <c r="B53" s="4" t="s">
        <v>751</v>
      </c>
      <c r="C53" s="7">
        <v>1398300</v>
      </c>
      <c r="D53" s="7">
        <v>811800</v>
      </c>
      <c r="E53" s="7">
        <v>0</v>
      </c>
      <c r="F53" s="7">
        <v>0</v>
      </c>
      <c r="G53" s="7">
        <v>0</v>
      </c>
      <c r="H53" s="7">
        <v>811800</v>
      </c>
      <c r="I53" s="7">
        <v>0</v>
      </c>
      <c r="J53" s="7">
        <v>0</v>
      </c>
      <c r="K53" s="7">
        <v>0</v>
      </c>
      <c r="L53" s="7">
        <v>811800</v>
      </c>
      <c r="M53" s="7">
        <v>0</v>
      </c>
    </row>
    <row r="54" spans="1:13" x14ac:dyDescent="0.25">
      <c r="A54" s="2" t="s">
        <v>100</v>
      </c>
      <c r="B54" s="4" t="s">
        <v>768</v>
      </c>
      <c r="C54" s="7">
        <v>10700</v>
      </c>
      <c r="D54" s="7">
        <v>11300</v>
      </c>
      <c r="E54" s="7">
        <v>1840.01</v>
      </c>
      <c r="F54" s="7">
        <v>10986.6</v>
      </c>
      <c r="G54" s="7">
        <v>0</v>
      </c>
      <c r="H54" s="7">
        <v>313.39999999999998</v>
      </c>
      <c r="I54" s="7">
        <v>1840.34</v>
      </c>
      <c r="J54" s="7">
        <v>10986.6</v>
      </c>
      <c r="K54" s="7">
        <v>0</v>
      </c>
      <c r="L54" s="7">
        <v>313.39999999999998</v>
      </c>
      <c r="M54" s="7">
        <v>0</v>
      </c>
    </row>
    <row r="55" spans="1:13" x14ac:dyDescent="0.25">
      <c r="A55" s="3" t="s">
        <v>102</v>
      </c>
      <c r="B55" s="5" t="s">
        <v>769</v>
      </c>
      <c r="C55" s="6">
        <v>2038173000</v>
      </c>
      <c r="D55" s="6">
        <v>3894694000</v>
      </c>
      <c r="E55" s="6">
        <v>561401436.14999998</v>
      </c>
      <c r="F55" s="6">
        <v>3600947593.4899998</v>
      </c>
      <c r="G55" s="6">
        <v>23.44</v>
      </c>
      <c r="H55" s="6">
        <v>293746406.50999999</v>
      </c>
      <c r="I55" s="6">
        <v>591494909.67999995</v>
      </c>
      <c r="J55" s="6">
        <v>3600947593.4899998</v>
      </c>
      <c r="K55" s="6">
        <v>23.87</v>
      </c>
      <c r="L55" s="6">
        <v>293746406.50999999</v>
      </c>
      <c r="M55" s="6">
        <v>0</v>
      </c>
    </row>
    <row r="56" spans="1:13" x14ac:dyDescent="0.25">
      <c r="A56" s="2" t="s">
        <v>104</v>
      </c>
      <c r="B56" s="4" t="s">
        <v>756</v>
      </c>
      <c r="C56" s="7">
        <v>2038173000</v>
      </c>
      <c r="D56" s="7">
        <v>3894694000</v>
      </c>
      <c r="E56" s="7">
        <v>561401436.14999998</v>
      </c>
      <c r="F56" s="7">
        <v>3600947593.4899998</v>
      </c>
      <c r="G56" s="7">
        <v>23.44</v>
      </c>
      <c r="H56" s="7">
        <v>293746406.50999999</v>
      </c>
      <c r="I56" s="7">
        <v>591494909.67999995</v>
      </c>
      <c r="J56" s="7">
        <v>3600947593.4899998</v>
      </c>
      <c r="K56" s="7">
        <v>23.87</v>
      </c>
      <c r="L56" s="7">
        <v>293746406.50999999</v>
      </c>
      <c r="M56" s="7">
        <v>0</v>
      </c>
    </row>
    <row r="57" spans="1:13" x14ac:dyDescent="0.25">
      <c r="A57" s="3" t="s">
        <v>106</v>
      </c>
      <c r="B57" s="5" t="s">
        <v>770</v>
      </c>
      <c r="C57" s="6">
        <v>1553881400</v>
      </c>
      <c r="D57" s="6">
        <v>1807218265.27</v>
      </c>
      <c r="E57" s="6">
        <v>266917688.83000001</v>
      </c>
      <c r="F57" s="6">
        <v>1585148960.5</v>
      </c>
      <c r="G57" s="6">
        <v>10.32</v>
      </c>
      <c r="H57" s="6">
        <v>222069304.77000001</v>
      </c>
      <c r="I57" s="6">
        <v>281754112.42000002</v>
      </c>
      <c r="J57" s="6">
        <v>1457622475.3199999</v>
      </c>
      <c r="K57" s="6">
        <v>9.65</v>
      </c>
      <c r="L57" s="6">
        <v>349595789.94999999</v>
      </c>
      <c r="M57" s="6">
        <v>127526485.18000001</v>
      </c>
    </row>
    <row r="58" spans="1:13" x14ac:dyDescent="0.25">
      <c r="A58" s="2" t="s">
        <v>108</v>
      </c>
      <c r="B58" s="4" t="s">
        <v>744</v>
      </c>
      <c r="C58" s="7">
        <v>357432100</v>
      </c>
      <c r="D58" s="7">
        <v>466985926.00999999</v>
      </c>
      <c r="E58" s="7">
        <v>69226378.269999996</v>
      </c>
      <c r="F58" s="7">
        <v>463829379.06999999</v>
      </c>
      <c r="G58" s="7">
        <v>3.02</v>
      </c>
      <c r="H58" s="7">
        <v>3156546.94</v>
      </c>
      <c r="I58" s="7">
        <v>89049010.519999996</v>
      </c>
      <c r="J58" s="7">
        <v>456475709.13999999</v>
      </c>
      <c r="K58" s="7">
        <v>3.03</v>
      </c>
      <c r="L58" s="7">
        <v>10510216.869999999</v>
      </c>
      <c r="M58" s="7">
        <v>7353669.9299999997</v>
      </c>
    </row>
    <row r="59" spans="1:13" x14ac:dyDescent="0.25">
      <c r="A59" s="2" t="s">
        <v>110</v>
      </c>
      <c r="B59" s="4" t="s">
        <v>746</v>
      </c>
      <c r="C59" s="7">
        <v>5647300</v>
      </c>
      <c r="D59" s="7">
        <v>879661</v>
      </c>
      <c r="E59" s="7">
        <v>-822407.96</v>
      </c>
      <c r="F59" s="7">
        <v>796115.61</v>
      </c>
      <c r="G59" s="7">
        <v>0.01</v>
      </c>
      <c r="H59" s="7">
        <v>83545.39</v>
      </c>
      <c r="I59" s="7">
        <v>91120.59</v>
      </c>
      <c r="J59" s="7">
        <v>571240.93999999994</v>
      </c>
      <c r="K59" s="7">
        <v>0</v>
      </c>
      <c r="L59" s="7">
        <v>308420.06</v>
      </c>
      <c r="M59" s="7">
        <v>224874.67</v>
      </c>
    </row>
    <row r="60" spans="1:13" x14ac:dyDescent="0.25">
      <c r="A60" s="2" t="s">
        <v>112</v>
      </c>
      <c r="B60" s="4" t="s">
        <v>771</v>
      </c>
      <c r="C60" s="7">
        <v>70490200</v>
      </c>
      <c r="D60" s="7">
        <v>65907921</v>
      </c>
      <c r="E60" s="7">
        <v>5130628.1500000004</v>
      </c>
      <c r="F60" s="7">
        <v>65857919.530000001</v>
      </c>
      <c r="G60" s="7">
        <v>0.43</v>
      </c>
      <c r="H60" s="7">
        <v>50001.47</v>
      </c>
      <c r="I60" s="7">
        <v>9305112.9100000001</v>
      </c>
      <c r="J60" s="7">
        <v>59283040.170000002</v>
      </c>
      <c r="K60" s="7">
        <v>0.39</v>
      </c>
      <c r="L60" s="7">
        <v>6624880.8300000001</v>
      </c>
      <c r="M60" s="7">
        <v>6574879.3600000003</v>
      </c>
    </row>
    <row r="61" spans="1:13" x14ac:dyDescent="0.25">
      <c r="A61" s="2" t="s">
        <v>114</v>
      </c>
      <c r="B61" s="4" t="s">
        <v>772</v>
      </c>
      <c r="C61" s="7">
        <v>962870800</v>
      </c>
      <c r="D61" s="7">
        <v>903506381.67999995</v>
      </c>
      <c r="E61" s="7">
        <v>130963309.7</v>
      </c>
      <c r="F61" s="7">
        <v>746029649.24000001</v>
      </c>
      <c r="G61" s="7">
        <v>4.8600000000000003</v>
      </c>
      <c r="H61" s="7">
        <v>157476732.44</v>
      </c>
      <c r="I61" s="7">
        <v>124933971.18000001</v>
      </c>
      <c r="J61" s="7">
        <v>673294923.12</v>
      </c>
      <c r="K61" s="7">
        <v>4.46</v>
      </c>
      <c r="L61" s="7">
        <v>230211458.56</v>
      </c>
      <c r="M61" s="7">
        <v>72734726.120000005</v>
      </c>
    </row>
    <row r="62" spans="1:13" x14ac:dyDescent="0.25">
      <c r="A62" s="2" t="s">
        <v>116</v>
      </c>
      <c r="B62" s="4" t="s">
        <v>773</v>
      </c>
      <c r="C62" s="7">
        <v>86673100</v>
      </c>
      <c r="D62" s="7">
        <v>76421071</v>
      </c>
      <c r="E62" s="7">
        <v>16115736.619999999</v>
      </c>
      <c r="F62" s="7">
        <v>63372523.200000003</v>
      </c>
      <c r="G62" s="7">
        <v>0.41</v>
      </c>
      <c r="H62" s="7">
        <v>13048547.800000001</v>
      </c>
      <c r="I62" s="7">
        <v>5627305.7599999998</v>
      </c>
      <c r="J62" s="7">
        <v>44415670.030000001</v>
      </c>
      <c r="K62" s="7">
        <v>0.28999999999999998</v>
      </c>
      <c r="L62" s="7">
        <v>32005400.969999999</v>
      </c>
      <c r="M62" s="7">
        <v>18956853.170000002</v>
      </c>
    </row>
    <row r="63" spans="1:13" x14ac:dyDescent="0.25">
      <c r="A63" s="2" t="s">
        <v>118</v>
      </c>
      <c r="B63" s="4" t="s">
        <v>774</v>
      </c>
      <c r="C63" s="7">
        <v>1982000</v>
      </c>
      <c r="D63" s="7">
        <v>2360791</v>
      </c>
      <c r="E63" s="7">
        <v>-31298.91</v>
      </c>
      <c r="F63" s="7">
        <v>498037.44</v>
      </c>
      <c r="G63" s="7">
        <v>0</v>
      </c>
      <c r="H63" s="7">
        <v>1862753.56</v>
      </c>
      <c r="I63" s="7">
        <v>269064.53999999998</v>
      </c>
      <c r="J63" s="7">
        <v>478022.86</v>
      </c>
      <c r="K63" s="7">
        <v>0</v>
      </c>
      <c r="L63" s="7">
        <v>1882768.14</v>
      </c>
      <c r="M63" s="7">
        <v>20014.580000000002</v>
      </c>
    </row>
    <row r="64" spans="1:13" x14ac:dyDescent="0.25">
      <c r="A64" s="2" t="s">
        <v>119</v>
      </c>
      <c r="B64" s="4" t="s">
        <v>775</v>
      </c>
      <c r="C64" s="7">
        <v>32947500</v>
      </c>
      <c r="D64" s="7">
        <v>257767454.58000001</v>
      </c>
      <c r="E64" s="7">
        <v>40755201.210000001</v>
      </c>
      <c r="F64" s="7">
        <v>211722528.81999999</v>
      </c>
      <c r="G64" s="7">
        <v>1.38</v>
      </c>
      <c r="H64" s="7">
        <v>46044925.759999998</v>
      </c>
      <c r="I64" s="7">
        <v>46728099.990000002</v>
      </c>
      <c r="J64" s="7">
        <v>193175127.63</v>
      </c>
      <c r="K64" s="7">
        <v>1.28</v>
      </c>
      <c r="L64" s="7">
        <v>64592326.950000003</v>
      </c>
      <c r="M64" s="7">
        <v>18547401.190000001</v>
      </c>
    </row>
    <row r="65" spans="1:13" x14ac:dyDescent="0.25">
      <c r="A65" s="2" t="s">
        <v>120</v>
      </c>
      <c r="B65" s="4" t="s">
        <v>776</v>
      </c>
      <c r="C65" s="7">
        <v>34239500</v>
      </c>
      <c r="D65" s="7">
        <v>32709442</v>
      </c>
      <c r="E65" s="7">
        <v>5682693</v>
      </c>
      <c r="F65" s="7">
        <v>32629238.850000001</v>
      </c>
      <c r="G65" s="7">
        <v>0.21</v>
      </c>
      <c r="H65" s="7">
        <v>80203.149999999994</v>
      </c>
      <c r="I65" s="7">
        <v>5685275.1799999997</v>
      </c>
      <c r="J65" s="7">
        <v>29534860.09</v>
      </c>
      <c r="K65" s="7">
        <v>0.2</v>
      </c>
      <c r="L65" s="7">
        <v>3174581.91</v>
      </c>
      <c r="M65" s="7">
        <v>3094378.76</v>
      </c>
    </row>
    <row r="66" spans="1:13" x14ac:dyDescent="0.25">
      <c r="A66" s="2" t="s">
        <v>121</v>
      </c>
      <c r="B66" s="4" t="s">
        <v>777</v>
      </c>
      <c r="C66" s="7">
        <v>0</v>
      </c>
      <c r="D66" s="7">
        <v>0</v>
      </c>
      <c r="E66" s="7">
        <v>0</v>
      </c>
      <c r="F66" s="7">
        <v>0</v>
      </c>
      <c r="G66" s="7">
        <v>0</v>
      </c>
      <c r="H66" s="7">
        <v>0</v>
      </c>
      <c r="I66" s="7">
        <v>0</v>
      </c>
      <c r="J66" s="7">
        <v>0</v>
      </c>
      <c r="K66" s="7">
        <v>0</v>
      </c>
      <c r="L66" s="7">
        <v>0</v>
      </c>
      <c r="M66" s="7">
        <v>0</v>
      </c>
    </row>
    <row r="67" spans="1:13" x14ac:dyDescent="0.25">
      <c r="A67" s="2" t="s">
        <v>122</v>
      </c>
      <c r="B67" s="4" t="s">
        <v>778</v>
      </c>
      <c r="C67" s="7">
        <v>0</v>
      </c>
      <c r="D67" s="7">
        <v>0</v>
      </c>
      <c r="E67" s="7">
        <v>0</v>
      </c>
      <c r="F67" s="7">
        <v>0</v>
      </c>
      <c r="G67" s="7">
        <v>0</v>
      </c>
      <c r="H67" s="7">
        <v>0</v>
      </c>
      <c r="I67" s="7">
        <v>0</v>
      </c>
      <c r="J67" s="7">
        <v>0</v>
      </c>
      <c r="K67" s="7">
        <v>0</v>
      </c>
      <c r="L67" s="7">
        <v>0</v>
      </c>
      <c r="M67" s="7">
        <v>0</v>
      </c>
    </row>
    <row r="68" spans="1:13" x14ac:dyDescent="0.25">
      <c r="A68" s="2" t="s">
        <v>123</v>
      </c>
      <c r="B68" s="4" t="s">
        <v>751</v>
      </c>
      <c r="C68" s="7">
        <v>1210200</v>
      </c>
      <c r="D68" s="7">
        <v>268417</v>
      </c>
      <c r="E68" s="7">
        <v>-163645.04</v>
      </c>
      <c r="F68" s="7">
        <v>4901.74</v>
      </c>
      <c r="G68" s="7">
        <v>0</v>
      </c>
      <c r="H68" s="7">
        <v>263515.26</v>
      </c>
      <c r="I68" s="7">
        <v>0</v>
      </c>
      <c r="J68" s="7">
        <v>4901.74</v>
      </c>
      <c r="K68" s="7">
        <v>0</v>
      </c>
      <c r="L68" s="7">
        <v>263515.26</v>
      </c>
      <c r="M68" s="7">
        <v>0</v>
      </c>
    </row>
    <row r="69" spans="1:13" x14ac:dyDescent="0.25">
      <c r="A69" s="2" t="s">
        <v>124</v>
      </c>
      <c r="B69" s="4" t="s">
        <v>779</v>
      </c>
      <c r="C69" s="7">
        <v>0</v>
      </c>
      <c r="D69" s="7">
        <v>0</v>
      </c>
      <c r="E69" s="7">
        <v>0</v>
      </c>
      <c r="F69" s="7">
        <v>0</v>
      </c>
      <c r="G69" s="7">
        <v>0</v>
      </c>
      <c r="H69" s="7">
        <v>0</v>
      </c>
      <c r="I69" s="7">
        <v>0</v>
      </c>
      <c r="J69" s="7">
        <v>0</v>
      </c>
      <c r="K69" s="7">
        <v>0</v>
      </c>
      <c r="L69" s="7">
        <v>0</v>
      </c>
      <c r="M69" s="7">
        <v>0</v>
      </c>
    </row>
    <row r="70" spans="1:13" x14ac:dyDescent="0.25">
      <c r="A70" s="2" t="s">
        <v>125</v>
      </c>
      <c r="B70" s="4" t="s">
        <v>768</v>
      </c>
      <c r="C70" s="7">
        <v>388700</v>
      </c>
      <c r="D70" s="7">
        <v>411200</v>
      </c>
      <c r="E70" s="7">
        <v>61093.79</v>
      </c>
      <c r="F70" s="7">
        <v>408667</v>
      </c>
      <c r="G70" s="7">
        <v>0</v>
      </c>
      <c r="H70" s="7">
        <v>2533</v>
      </c>
      <c r="I70" s="7">
        <v>65151.75</v>
      </c>
      <c r="J70" s="7">
        <v>388979.6</v>
      </c>
      <c r="K70" s="7">
        <v>0</v>
      </c>
      <c r="L70" s="7">
        <v>22220.400000000001</v>
      </c>
      <c r="M70" s="7">
        <v>19687.400000000001</v>
      </c>
    </row>
    <row r="71" spans="1:13" x14ac:dyDescent="0.25">
      <c r="A71" s="3" t="s">
        <v>126</v>
      </c>
      <c r="B71" s="5" t="s">
        <v>780</v>
      </c>
      <c r="C71" s="6">
        <v>9596800</v>
      </c>
      <c r="D71" s="6">
        <v>11018159.689999999</v>
      </c>
      <c r="E71" s="6">
        <v>990054.32</v>
      </c>
      <c r="F71" s="6">
        <v>8585641.0299999993</v>
      </c>
      <c r="G71" s="6">
        <v>0.05</v>
      </c>
      <c r="H71" s="6">
        <v>2432518.66</v>
      </c>
      <c r="I71" s="6">
        <v>1159212.58</v>
      </c>
      <c r="J71" s="6">
        <v>8563600.1300000008</v>
      </c>
      <c r="K71" s="6">
        <v>0.05</v>
      </c>
      <c r="L71" s="6">
        <v>2454559.56</v>
      </c>
      <c r="M71" s="6">
        <v>22040.9</v>
      </c>
    </row>
    <row r="72" spans="1:13" x14ac:dyDescent="0.25">
      <c r="A72" s="2" t="s">
        <v>128</v>
      </c>
      <c r="B72" s="4" t="s">
        <v>744</v>
      </c>
      <c r="C72" s="7">
        <v>9259200</v>
      </c>
      <c r="D72" s="7">
        <v>8470345.6099999994</v>
      </c>
      <c r="E72" s="7">
        <v>979928.21</v>
      </c>
      <c r="F72" s="7">
        <v>6309117.8300000001</v>
      </c>
      <c r="G72" s="7">
        <v>0.04</v>
      </c>
      <c r="H72" s="7">
        <v>2161227.7799999998</v>
      </c>
      <c r="I72" s="7">
        <v>1149086.47</v>
      </c>
      <c r="J72" s="7">
        <v>6287076.9299999997</v>
      </c>
      <c r="K72" s="7">
        <v>0.04</v>
      </c>
      <c r="L72" s="7">
        <v>2183268.6800000002</v>
      </c>
      <c r="M72" s="7">
        <v>22040.9</v>
      </c>
    </row>
    <row r="73" spans="1:13" x14ac:dyDescent="0.25">
      <c r="A73" s="2" t="s">
        <v>130</v>
      </c>
      <c r="B73" s="4" t="s">
        <v>781</v>
      </c>
      <c r="C73" s="7">
        <v>278900</v>
      </c>
      <c r="D73" s="7">
        <v>2486714.08</v>
      </c>
      <c r="E73" s="7">
        <v>0</v>
      </c>
      <c r="F73" s="7">
        <v>2216071.73</v>
      </c>
      <c r="G73" s="7">
        <v>0.01</v>
      </c>
      <c r="H73" s="7">
        <v>270642.34999999998</v>
      </c>
      <c r="I73" s="7">
        <v>0</v>
      </c>
      <c r="J73" s="7">
        <v>2216071.73</v>
      </c>
      <c r="K73" s="7">
        <v>0.01</v>
      </c>
      <c r="L73" s="7">
        <v>270642.34999999998</v>
      </c>
      <c r="M73" s="7">
        <v>0</v>
      </c>
    </row>
    <row r="74" spans="1:13" x14ac:dyDescent="0.25">
      <c r="A74" s="2" t="s">
        <v>132</v>
      </c>
      <c r="B74" s="4" t="s">
        <v>768</v>
      </c>
      <c r="C74" s="7">
        <v>58700</v>
      </c>
      <c r="D74" s="7">
        <v>61100</v>
      </c>
      <c r="E74" s="7">
        <v>10126.11</v>
      </c>
      <c r="F74" s="7">
        <v>60451.47</v>
      </c>
      <c r="G74" s="7">
        <v>0</v>
      </c>
      <c r="H74" s="7">
        <v>648.53</v>
      </c>
      <c r="I74" s="7">
        <v>10126.11</v>
      </c>
      <c r="J74" s="7">
        <v>60451.47</v>
      </c>
      <c r="K74" s="7">
        <v>0</v>
      </c>
      <c r="L74" s="7">
        <v>648.53</v>
      </c>
      <c r="M74" s="7">
        <v>0</v>
      </c>
    </row>
    <row r="75" spans="1:13" x14ac:dyDescent="0.25">
      <c r="A75" s="3" t="s">
        <v>134</v>
      </c>
      <c r="B75" s="5" t="s">
        <v>782</v>
      </c>
      <c r="C75" s="6">
        <v>1893891700</v>
      </c>
      <c r="D75" s="6">
        <v>1740600002.8299999</v>
      </c>
      <c r="E75" s="6">
        <v>322059898.33999997</v>
      </c>
      <c r="F75" s="6">
        <v>1626870215.4000001</v>
      </c>
      <c r="G75" s="6">
        <v>10.59</v>
      </c>
      <c r="H75" s="6">
        <v>113729787.43000001</v>
      </c>
      <c r="I75" s="6">
        <v>355146332.07999998</v>
      </c>
      <c r="J75" s="6">
        <v>1585645790.0699999</v>
      </c>
      <c r="K75" s="6">
        <v>10.51</v>
      </c>
      <c r="L75" s="6">
        <v>154954212.75999999</v>
      </c>
      <c r="M75" s="6">
        <v>41224425.329999998</v>
      </c>
    </row>
    <row r="76" spans="1:13" x14ac:dyDescent="0.25">
      <c r="A76" s="2" t="s">
        <v>136</v>
      </c>
      <c r="B76" s="4" t="s">
        <v>744</v>
      </c>
      <c r="C76" s="7">
        <v>1620441700</v>
      </c>
      <c r="D76" s="7">
        <v>1504548514.8299999</v>
      </c>
      <c r="E76" s="7">
        <v>313865034.69</v>
      </c>
      <c r="F76" s="7">
        <v>1439214466.9100001</v>
      </c>
      <c r="G76" s="7">
        <v>9.3699999999999992</v>
      </c>
      <c r="H76" s="7">
        <v>65334047.920000002</v>
      </c>
      <c r="I76" s="7">
        <v>323267119.48000002</v>
      </c>
      <c r="J76" s="7">
        <v>1436391804.22</v>
      </c>
      <c r="K76" s="7">
        <v>9.52</v>
      </c>
      <c r="L76" s="7">
        <v>68156710.609999999</v>
      </c>
      <c r="M76" s="7">
        <v>2822662.69</v>
      </c>
    </row>
    <row r="77" spans="1:13" x14ac:dyDescent="0.25">
      <c r="A77" s="2" t="s">
        <v>138</v>
      </c>
      <c r="B77" s="4" t="s">
        <v>783</v>
      </c>
      <c r="C77" s="7">
        <v>8345200</v>
      </c>
      <c r="D77" s="7">
        <v>7188821</v>
      </c>
      <c r="E77" s="7">
        <v>771742.33</v>
      </c>
      <c r="F77" s="7">
        <v>6774092.5599999996</v>
      </c>
      <c r="G77" s="7">
        <v>0.04</v>
      </c>
      <c r="H77" s="7">
        <v>414728.44</v>
      </c>
      <c r="I77" s="7">
        <v>82140.03</v>
      </c>
      <c r="J77" s="7">
        <v>4885238.26</v>
      </c>
      <c r="K77" s="7">
        <v>0.03</v>
      </c>
      <c r="L77" s="7">
        <v>2303582.7400000002</v>
      </c>
      <c r="M77" s="7">
        <v>1888854.3</v>
      </c>
    </row>
    <row r="78" spans="1:13" x14ac:dyDescent="0.25">
      <c r="A78" s="2" t="s">
        <v>140</v>
      </c>
      <c r="B78" s="4" t="s">
        <v>784</v>
      </c>
      <c r="C78" s="7">
        <v>4923000</v>
      </c>
      <c r="D78" s="7">
        <v>15857096</v>
      </c>
      <c r="E78" s="7">
        <v>0</v>
      </c>
      <c r="F78" s="7">
        <v>7452101.8499999996</v>
      </c>
      <c r="G78" s="7">
        <v>0.05</v>
      </c>
      <c r="H78" s="7">
        <v>8404994.1500000004</v>
      </c>
      <c r="I78" s="7">
        <v>3028389.87</v>
      </c>
      <c r="J78" s="7">
        <v>6989914.3200000003</v>
      </c>
      <c r="K78" s="7">
        <v>0.05</v>
      </c>
      <c r="L78" s="7">
        <v>8867181.6799999997</v>
      </c>
      <c r="M78" s="7">
        <v>462187.53</v>
      </c>
    </row>
    <row r="79" spans="1:13" x14ac:dyDescent="0.25">
      <c r="A79" s="2" t="s">
        <v>142</v>
      </c>
      <c r="B79" s="4" t="s">
        <v>778</v>
      </c>
      <c r="C79" s="7">
        <v>14971200</v>
      </c>
      <c r="D79" s="7">
        <v>5249565</v>
      </c>
      <c r="E79" s="7">
        <v>-328076.28999999998</v>
      </c>
      <c r="F79" s="7">
        <v>4524259.03</v>
      </c>
      <c r="G79" s="7">
        <v>0.03</v>
      </c>
      <c r="H79" s="7">
        <v>725305.97</v>
      </c>
      <c r="I79" s="7">
        <v>353937.43</v>
      </c>
      <c r="J79" s="7">
        <v>4360930.25</v>
      </c>
      <c r="K79" s="7">
        <v>0.03</v>
      </c>
      <c r="L79" s="7">
        <v>888634.75</v>
      </c>
      <c r="M79" s="7">
        <v>163328.78</v>
      </c>
    </row>
    <row r="80" spans="1:13" x14ac:dyDescent="0.25">
      <c r="A80" s="2" t="s">
        <v>144</v>
      </c>
      <c r="B80" s="4" t="s">
        <v>767</v>
      </c>
      <c r="C80" s="7">
        <v>9256800</v>
      </c>
      <c r="D80" s="7">
        <v>11118600</v>
      </c>
      <c r="E80" s="7">
        <v>942874.61</v>
      </c>
      <c r="F80" s="7">
        <v>7296438.7000000002</v>
      </c>
      <c r="G80" s="7">
        <v>0.05</v>
      </c>
      <c r="H80" s="7">
        <v>3822161.3</v>
      </c>
      <c r="I80" s="7">
        <v>867810.19</v>
      </c>
      <c r="J80" s="7">
        <v>6953308.4400000004</v>
      </c>
      <c r="K80" s="7">
        <v>0.05</v>
      </c>
      <c r="L80" s="7">
        <v>4165291.56</v>
      </c>
      <c r="M80" s="7">
        <v>343130.26</v>
      </c>
    </row>
    <row r="81" spans="1:13" x14ac:dyDescent="0.25">
      <c r="A81" s="2" t="s">
        <v>146</v>
      </c>
      <c r="B81" s="4" t="s">
        <v>785</v>
      </c>
      <c r="C81" s="7">
        <v>1130000</v>
      </c>
      <c r="D81" s="7">
        <v>1987588</v>
      </c>
      <c r="E81" s="7">
        <v>7560</v>
      </c>
      <c r="F81" s="7">
        <v>1987587.48</v>
      </c>
      <c r="G81" s="7">
        <v>0.01</v>
      </c>
      <c r="H81" s="7">
        <v>0.52</v>
      </c>
      <c r="I81" s="7">
        <v>7560</v>
      </c>
      <c r="J81" s="7">
        <v>1987587.48</v>
      </c>
      <c r="K81" s="7">
        <v>0.01</v>
      </c>
      <c r="L81" s="7">
        <v>0.52</v>
      </c>
      <c r="M81" s="7">
        <v>0</v>
      </c>
    </row>
    <row r="82" spans="1:13" x14ac:dyDescent="0.25">
      <c r="A82" s="2" t="s">
        <v>148</v>
      </c>
      <c r="B82" s="4" t="s">
        <v>786</v>
      </c>
      <c r="C82" s="7">
        <v>8653700</v>
      </c>
      <c r="D82" s="7">
        <v>9920487</v>
      </c>
      <c r="E82" s="7">
        <v>722026.76</v>
      </c>
      <c r="F82" s="7">
        <v>7258890.1500000004</v>
      </c>
      <c r="G82" s="7">
        <v>0.05</v>
      </c>
      <c r="H82" s="7">
        <v>2661596.85</v>
      </c>
      <c r="I82" s="7">
        <v>2131053.36</v>
      </c>
      <c r="J82" s="7">
        <v>7257942.1500000004</v>
      </c>
      <c r="K82" s="7">
        <v>0.05</v>
      </c>
      <c r="L82" s="7">
        <v>2662544.85</v>
      </c>
      <c r="M82" s="7">
        <v>948</v>
      </c>
    </row>
    <row r="83" spans="1:13" x14ac:dyDescent="0.25">
      <c r="A83" s="2" t="s">
        <v>150</v>
      </c>
      <c r="B83" s="4" t="s">
        <v>787</v>
      </c>
      <c r="C83" s="7">
        <v>212117000</v>
      </c>
      <c r="D83" s="7">
        <v>170641931</v>
      </c>
      <c r="E83" s="7">
        <v>5525210.9100000001</v>
      </c>
      <c r="F83" s="7">
        <v>144627864.72</v>
      </c>
      <c r="G83" s="7">
        <v>0.94</v>
      </c>
      <c r="H83" s="7">
        <v>26014066.280000001</v>
      </c>
      <c r="I83" s="7">
        <v>24680151.789999999</v>
      </c>
      <c r="J83" s="7">
        <v>109090147.87</v>
      </c>
      <c r="K83" s="7">
        <v>0.72</v>
      </c>
      <c r="L83" s="7">
        <v>61551783.130000003</v>
      </c>
      <c r="M83" s="7">
        <v>35537716.850000001</v>
      </c>
    </row>
    <row r="84" spans="1:13" x14ac:dyDescent="0.25">
      <c r="A84" s="2" t="s">
        <v>151</v>
      </c>
      <c r="B84" s="4" t="s">
        <v>788</v>
      </c>
      <c r="C84" s="7">
        <v>4401100</v>
      </c>
      <c r="D84" s="7">
        <v>4769290</v>
      </c>
      <c r="E84" s="7">
        <v>373007.84</v>
      </c>
      <c r="F84" s="7">
        <v>3542712.29</v>
      </c>
      <c r="G84" s="7">
        <v>0.02</v>
      </c>
      <c r="H84" s="7">
        <v>1226577.71</v>
      </c>
      <c r="I84" s="7">
        <v>547652.43999999994</v>
      </c>
      <c r="J84" s="7">
        <v>3537115.37</v>
      </c>
      <c r="K84" s="7">
        <v>0.02</v>
      </c>
      <c r="L84" s="7">
        <v>1232174.6299999999</v>
      </c>
      <c r="M84" s="7">
        <v>5596.92</v>
      </c>
    </row>
    <row r="85" spans="1:13" x14ac:dyDescent="0.25">
      <c r="A85" s="2" t="s">
        <v>152</v>
      </c>
      <c r="B85" s="4" t="s">
        <v>768</v>
      </c>
      <c r="C85" s="7">
        <v>9652000</v>
      </c>
      <c r="D85" s="7">
        <v>9318110</v>
      </c>
      <c r="E85" s="7">
        <v>180517.49</v>
      </c>
      <c r="F85" s="7">
        <v>4191801.71</v>
      </c>
      <c r="G85" s="7">
        <v>0.03</v>
      </c>
      <c r="H85" s="7">
        <v>5126308.29</v>
      </c>
      <c r="I85" s="7">
        <v>180517.49</v>
      </c>
      <c r="J85" s="7">
        <v>4191801.71</v>
      </c>
      <c r="K85" s="7">
        <v>0.03</v>
      </c>
      <c r="L85" s="7">
        <v>5126308.29</v>
      </c>
      <c r="M85" s="7">
        <v>0</v>
      </c>
    </row>
    <row r="86" spans="1:13" x14ac:dyDescent="0.25">
      <c r="A86" s="3" t="s">
        <v>154</v>
      </c>
      <c r="B86" s="5" t="s">
        <v>789</v>
      </c>
      <c r="C86" s="6">
        <v>70652900</v>
      </c>
      <c r="D86" s="6">
        <v>91574535.769999996</v>
      </c>
      <c r="E86" s="6">
        <v>4517148.76</v>
      </c>
      <c r="F86" s="6">
        <v>54344845.960000001</v>
      </c>
      <c r="G86" s="6">
        <v>0.35</v>
      </c>
      <c r="H86" s="6">
        <v>37229689.810000002</v>
      </c>
      <c r="I86" s="6">
        <v>13401687.02</v>
      </c>
      <c r="J86" s="6">
        <v>38125759.960000001</v>
      </c>
      <c r="K86" s="6">
        <v>0.25</v>
      </c>
      <c r="L86" s="6">
        <v>53448775.810000002</v>
      </c>
      <c r="M86" s="6">
        <v>16219086</v>
      </c>
    </row>
    <row r="87" spans="1:13" x14ac:dyDescent="0.25">
      <c r="A87" s="2" t="s">
        <v>156</v>
      </c>
      <c r="B87" s="4" t="s">
        <v>744</v>
      </c>
      <c r="C87" s="7">
        <v>19295600</v>
      </c>
      <c r="D87" s="7">
        <v>21935653.77</v>
      </c>
      <c r="E87" s="7">
        <v>3436741.84</v>
      </c>
      <c r="F87" s="7">
        <v>20015183.050000001</v>
      </c>
      <c r="G87" s="7">
        <v>0.13</v>
      </c>
      <c r="H87" s="7">
        <v>1920470.72</v>
      </c>
      <c r="I87" s="7">
        <v>3643332.22</v>
      </c>
      <c r="J87" s="7">
        <v>20001929.050000001</v>
      </c>
      <c r="K87" s="7">
        <v>0.13</v>
      </c>
      <c r="L87" s="7">
        <v>1933724.72</v>
      </c>
      <c r="M87" s="7">
        <v>13254</v>
      </c>
    </row>
    <row r="88" spans="1:13" x14ac:dyDescent="0.25">
      <c r="A88" s="2" t="s">
        <v>158</v>
      </c>
      <c r="B88" s="4" t="s">
        <v>790</v>
      </c>
      <c r="C88" s="7">
        <v>22000</v>
      </c>
      <c r="D88" s="7">
        <v>712112</v>
      </c>
      <c r="E88" s="7">
        <v>0</v>
      </c>
      <c r="F88" s="7">
        <v>419111.59</v>
      </c>
      <c r="G88" s="7">
        <v>0</v>
      </c>
      <c r="H88" s="7">
        <v>293000.40999999997</v>
      </c>
      <c r="I88" s="7">
        <v>0</v>
      </c>
      <c r="J88" s="7">
        <v>419111.59</v>
      </c>
      <c r="K88" s="7">
        <v>0</v>
      </c>
      <c r="L88" s="7">
        <v>293000.40999999997</v>
      </c>
      <c r="M88" s="7">
        <v>0</v>
      </c>
    </row>
    <row r="89" spans="1:13" x14ac:dyDescent="0.25">
      <c r="A89" s="2" t="s">
        <v>160</v>
      </c>
      <c r="B89" s="4" t="s">
        <v>791</v>
      </c>
      <c r="C89" s="7">
        <v>51285300</v>
      </c>
      <c r="D89" s="7">
        <v>68876770</v>
      </c>
      <c r="E89" s="7">
        <v>1081964.3999999999</v>
      </c>
      <c r="F89" s="7">
        <v>33909588.799999997</v>
      </c>
      <c r="G89" s="7">
        <v>0.22</v>
      </c>
      <c r="H89" s="7">
        <v>34967181.200000003</v>
      </c>
      <c r="I89" s="7">
        <v>9758354.8000000007</v>
      </c>
      <c r="J89" s="7">
        <v>17703756.800000001</v>
      </c>
      <c r="K89" s="7">
        <v>0.12</v>
      </c>
      <c r="L89" s="7">
        <v>51173013.200000003</v>
      </c>
      <c r="M89" s="7">
        <v>16205832</v>
      </c>
    </row>
    <row r="90" spans="1:13" x14ac:dyDescent="0.25">
      <c r="A90" s="2" t="s">
        <v>162</v>
      </c>
      <c r="B90" s="4" t="s">
        <v>751</v>
      </c>
      <c r="C90" s="7">
        <v>50000</v>
      </c>
      <c r="D90" s="7">
        <v>50000</v>
      </c>
      <c r="E90" s="7">
        <v>-1557.48</v>
      </c>
      <c r="F90" s="7">
        <v>962.52</v>
      </c>
      <c r="G90" s="7">
        <v>0</v>
      </c>
      <c r="H90" s="7">
        <v>49037.48</v>
      </c>
      <c r="I90" s="7">
        <v>0</v>
      </c>
      <c r="J90" s="7">
        <v>962.52</v>
      </c>
      <c r="K90" s="7">
        <v>0</v>
      </c>
      <c r="L90" s="7">
        <v>49037.48</v>
      </c>
      <c r="M90" s="7">
        <v>0</v>
      </c>
    </row>
    <row r="91" spans="1:13" x14ac:dyDescent="0.25">
      <c r="A91" s="3" t="s">
        <v>177</v>
      </c>
      <c r="B91" s="5" t="s">
        <v>792</v>
      </c>
      <c r="C91" s="6">
        <v>279829700</v>
      </c>
      <c r="D91" s="6">
        <v>338589664.75</v>
      </c>
      <c r="E91" s="6">
        <v>41561455.600000001</v>
      </c>
      <c r="F91" s="6">
        <v>297569172.45999998</v>
      </c>
      <c r="G91" s="6">
        <v>1.94</v>
      </c>
      <c r="H91" s="6">
        <v>41020492.289999999</v>
      </c>
      <c r="I91" s="6">
        <v>44644456.619999997</v>
      </c>
      <c r="J91" s="6">
        <v>297569172.45999998</v>
      </c>
      <c r="K91" s="6">
        <v>1.98</v>
      </c>
      <c r="L91" s="6">
        <v>41020492.289999999</v>
      </c>
      <c r="M91" s="6">
        <v>0</v>
      </c>
    </row>
    <row r="92" spans="1:13" x14ac:dyDescent="0.25">
      <c r="A92" s="2" t="s">
        <v>179</v>
      </c>
      <c r="B92" s="4" t="s">
        <v>755</v>
      </c>
      <c r="C92" s="7">
        <v>0</v>
      </c>
      <c r="D92" s="7">
        <v>0</v>
      </c>
      <c r="E92" s="7">
        <v>0</v>
      </c>
      <c r="F92" s="7">
        <v>0</v>
      </c>
      <c r="G92" s="7">
        <v>0</v>
      </c>
      <c r="H92" s="7">
        <v>0</v>
      </c>
      <c r="I92" s="7">
        <v>0</v>
      </c>
      <c r="J92" s="7">
        <v>0</v>
      </c>
      <c r="K92" s="7">
        <v>0</v>
      </c>
      <c r="L92" s="7">
        <v>0</v>
      </c>
      <c r="M92" s="7">
        <v>0</v>
      </c>
    </row>
    <row r="93" spans="1:13" x14ac:dyDescent="0.25">
      <c r="A93" s="2" t="s">
        <v>181</v>
      </c>
      <c r="B93" s="4" t="s">
        <v>763</v>
      </c>
      <c r="C93" s="7">
        <v>269450500</v>
      </c>
      <c r="D93" s="7">
        <v>328333579.75</v>
      </c>
      <c r="E93" s="7">
        <v>41343190.859999999</v>
      </c>
      <c r="F93" s="7">
        <v>295062899.31</v>
      </c>
      <c r="G93" s="7">
        <v>1.92</v>
      </c>
      <c r="H93" s="7">
        <v>33270680.440000001</v>
      </c>
      <c r="I93" s="7">
        <v>44162505.43</v>
      </c>
      <c r="J93" s="7">
        <v>295062899.31</v>
      </c>
      <c r="K93" s="7">
        <v>1.96</v>
      </c>
      <c r="L93" s="7">
        <v>33270680.440000001</v>
      </c>
      <c r="M93" s="7">
        <v>0</v>
      </c>
    </row>
    <row r="94" spans="1:13" x14ac:dyDescent="0.25">
      <c r="A94" s="2" t="s">
        <v>183</v>
      </c>
      <c r="B94" s="4" t="s">
        <v>751</v>
      </c>
      <c r="C94" s="7">
        <v>9875600</v>
      </c>
      <c r="D94" s="7">
        <v>9752485</v>
      </c>
      <c r="E94" s="7">
        <v>218264.74</v>
      </c>
      <c r="F94" s="7">
        <v>2506273.15</v>
      </c>
      <c r="G94" s="7">
        <v>0.02</v>
      </c>
      <c r="H94" s="7">
        <v>7246211.8499999996</v>
      </c>
      <c r="I94" s="7">
        <v>481951.19</v>
      </c>
      <c r="J94" s="7">
        <v>2506273.15</v>
      </c>
      <c r="K94" s="7">
        <v>0.02</v>
      </c>
      <c r="L94" s="7">
        <v>7246211.8499999996</v>
      </c>
      <c r="M94" s="7">
        <v>0</v>
      </c>
    </row>
    <row r="95" spans="1:13" x14ac:dyDescent="0.25">
      <c r="A95" s="2" t="s">
        <v>185</v>
      </c>
      <c r="B95" s="4" t="s">
        <v>793</v>
      </c>
      <c r="C95" s="7">
        <v>503600</v>
      </c>
      <c r="D95" s="7">
        <v>503600</v>
      </c>
      <c r="E95" s="7">
        <v>0</v>
      </c>
      <c r="F95" s="7">
        <v>0</v>
      </c>
      <c r="G95" s="7">
        <v>0</v>
      </c>
      <c r="H95" s="7">
        <v>503600</v>
      </c>
      <c r="I95" s="7">
        <v>0</v>
      </c>
      <c r="J95" s="7">
        <v>0</v>
      </c>
      <c r="K95" s="7">
        <v>0</v>
      </c>
      <c r="L95" s="7">
        <v>503600</v>
      </c>
      <c r="M95" s="7">
        <v>0</v>
      </c>
    </row>
    <row r="96" spans="1:13" x14ac:dyDescent="0.25">
      <c r="A96" s="3" t="s">
        <v>187</v>
      </c>
      <c r="B96" s="5" t="s">
        <v>794</v>
      </c>
      <c r="C96" s="6">
        <v>0</v>
      </c>
      <c r="D96" s="6">
        <v>0</v>
      </c>
      <c r="E96" s="6">
        <v>0</v>
      </c>
      <c r="F96" s="6">
        <v>0</v>
      </c>
      <c r="G96" s="6">
        <v>0</v>
      </c>
      <c r="H96" s="6">
        <v>0</v>
      </c>
      <c r="I96" s="6">
        <v>0</v>
      </c>
      <c r="J96" s="6">
        <v>0</v>
      </c>
      <c r="K96" s="6">
        <v>0</v>
      </c>
      <c r="L96" s="6">
        <v>0</v>
      </c>
      <c r="M96" s="6">
        <v>0</v>
      </c>
    </row>
    <row r="97" spans="1:13" x14ac:dyDescent="0.25">
      <c r="A97" s="2" t="s">
        <v>189</v>
      </c>
      <c r="B97" s="4" t="s">
        <v>795</v>
      </c>
      <c r="C97" s="7">
        <v>0</v>
      </c>
      <c r="D97" s="7">
        <v>0</v>
      </c>
      <c r="E97" s="7">
        <v>0</v>
      </c>
      <c r="F97" s="7">
        <v>0</v>
      </c>
      <c r="G97" s="7">
        <v>0</v>
      </c>
      <c r="H97" s="7">
        <v>0</v>
      </c>
      <c r="I97" s="7">
        <v>0</v>
      </c>
      <c r="J97" s="7">
        <v>0</v>
      </c>
      <c r="K97" s="7">
        <v>0</v>
      </c>
      <c r="L97" s="7">
        <v>0</v>
      </c>
      <c r="M97" s="7">
        <v>0</v>
      </c>
    </row>
    <row r="98" spans="1:13" x14ac:dyDescent="0.25">
      <c r="A98" s="3" t="s">
        <v>191</v>
      </c>
      <c r="B98" s="5" t="s">
        <v>796</v>
      </c>
      <c r="C98" s="6">
        <v>18097300</v>
      </c>
      <c r="D98" s="6">
        <v>34697998</v>
      </c>
      <c r="E98" s="6">
        <v>-2313096.08</v>
      </c>
      <c r="F98" s="6">
        <v>22927423.809999999</v>
      </c>
      <c r="G98" s="6">
        <v>0.15</v>
      </c>
      <c r="H98" s="6">
        <v>11770574.189999999</v>
      </c>
      <c r="I98" s="6">
        <v>3425704.46</v>
      </c>
      <c r="J98" s="6">
        <v>22927423.809999999</v>
      </c>
      <c r="K98" s="6">
        <v>0.15</v>
      </c>
      <c r="L98" s="6">
        <v>11770574.189999999</v>
      </c>
      <c r="M98" s="6">
        <v>0</v>
      </c>
    </row>
    <row r="99" spans="1:13" x14ac:dyDescent="0.25">
      <c r="A99" s="2" t="s">
        <v>193</v>
      </c>
      <c r="B99" s="4" t="s">
        <v>744</v>
      </c>
      <c r="C99" s="7">
        <v>11422700</v>
      </c>
      <c r="D99" s="7">
        <v>12204600</v>
      </c>
      <c r="E99" s="7">
        <v>1823317.77</v>
      </c>
      <c r="F99" s="7">
        <v>11042083.26</v>
      </c>
      <c r="G99" s="7">
        <v>7.0000000000000007E-2</v>
      </c>
      <c r="H99" s="7">
        <v>1162516.74</v>
      </c>
      <c r="I99" s="7">
        <v>1978092.67</v>
      </c>
      <c r="J99" s="7">
        <v>11042083.26</v>
      </c>
      <c r="K99" s="7">
        <v>7.0000000000000007E-2</v>
      </c>
      <c r="L99" s="7">
        <v>1162516.74</v>
      </c>
      <c r="M99" s="7">
        <v>0</v>
      </c>
    </row>
    <row r="100" spans="1:13" x14ac:dyDescent="0.25">
      <c r="A100" s="2" t="s">
        <v>195</v>
      </c>
      <c r="B100" s="4" t="s">
        <v>753</v>
      </c>
      <c r="C100" s="7">
        <v>1000</v>
      </c>
      <c r="D100" s="7">
        <v>1000</v>
      </c>
      <c r="E100" s="7">
        <v>0</v>
      </c>
      <c r="F100" s="7">
        <v>0</v>
      </c>
      <c r="G100" s="7">
        <v>0</v>
      </c>
      <c r="H100" s="7">
        <v>1000</v>
      </c>
      <c r="I100" s="7">
        <v>0</v>
      </c>
      <c r="J100" s="7">
        <v>0</v>
      </c>
      <c r="K100" s="7">
        <v>0</v>
      </c>
      <c r="L100" s="7">
        <v>1000</v>
      </c>
      <c r="M100" s="7">
        <v>0</v>
      </c>
    </row>
    <row r="101" spans="1:13" x14ac:dyDescent="0.25">
      <c r="A101" s="2" t="s">
        <v>197</v>
      </c>
      <c r="B101" s="4" t="s">
        <v>797</v>
      </c>
      <c r="C101" s="7">
        <v>6673600</v>
      </c>
      <c r="D101" s="7">
        <v>22492398</v>
      </c>
      <c r="E101" s="7">
        <v>-4136413.85</v>
      </c>
      <c r="F101" s="7">
        <v>11885340.550000001</v>
      </c>
      <c r="G101" s="7">
        <v>0.08</v>
      </c>
      <c r="H101" s="7">
        <v>10607057.449999999</v>
      </c>
      <c r="I101" s="7">
        <v>1447611.79</v>
      </c>
      <c r="J101" s="7">
        <v>11885340.550000001</v>
      </c>
      <c r="K101" s="7">
        <v>0.08</v>
      </c>
      <c r="L101" s="7">
        <v>10607057.449999999</v>
      </c>
      <c r="M101" s="7">
        <v>0</v>
      </c>
    </row>
    <row r="102" spans="1:13" x14ac:dyDescent="0.25">
      <c r="A102" s="3" t="s">
        <v>199</v>
      </c>
      <c r="B102" s="5" t="s">
        <v>798</v>
      </c>
      <c r="C102" s="6">
        <v>113282300</v>
      </c>
      <c r="D102" s="6">
        <v>114637938</v>
      </c>
      <c r="E102" s="6">
        <v>-20595486.260000002</v>
      </c>
      <c r="F102" s="6">
        <v>37716394.170000002</v>
      </c>
      <c r="G102" s="6">
        <v>0.25</v>
      </c>
      <c r="H102" s="6">
        <v>76921543.829999998</v>
      </c>
      <c r="I102" s="6">
        <v>2570335.87</v>
      </c>
      <c r="J102" s="6">
        <v>21470576.52</v>
      </c>
      <c r="K102" s="6">
        <v>0.14000000000000001</v>
      </c>
      <c r="L102" s="6">
        <v>93167361.480000004</v>
      </c>
      <c r="M102" s="6">
        <v>16245817.65</v>
      </c>
    </row>
    <row r="103" spans="1:13" x14ac:dyDescent="0.25">
      <c r="A103" s="2" t="s">
        <v>201</v>
      </c>
      <c r="B103" s="4" t="s">
        <v>799</v>
      </c>
      <c r="C103" s="7">
        <v>113282300</v>
      </c>
      <c r="D103" s="7">
        <v>114637938</v>
      </c>
      <c r="E103" s="7">
        <v>-20595486.260000002</v>
      </c>
      <c r="F103" s="7">
        <v>37716394.170000002</v>
      </c>
      <c r="G103" s="7">
        <v>0.25</v>
      </c>
      <c r="H103" s="7">
        <v>76921543.829999998</v>
      </c>
      <c r="I103" s="7">
        <v>2570335.87</v>
      </c>
      <c r="J103" s="7">
        <v>21470576.52</v>
      </c>
      <c r="K103" s="7">
        <v>0.14000000000000001</v>
      </c>
      <c r="L103" s="7">
        <v>93167361.480000004</v>
      </c>
      <c r="M103" s="7">
        <v>16245817.65</v>
      </c>
    </row>
    <row r="104" spans="1:13" x14ac:dyDescent="0.25">
      <c r="A104" s="3" t="s">
        <v>203</v>
      </c>
      <c r="B104" s="5" t="s">
        <v>800</v>
      </c>
      <c r="C104" s="6">
        <v>88485300</v>
      </c>
      <c r="D104" s="6">
        <v>139773480.03</v>
      </c>
      <c r="E104" s="6">
        <v>-14614904.189999999</v>
      </c>
      <c r="F104" s="6">
        <v>42825296.539999999</v>
      </c>
      <c r="G104" s="6">
        <v>0.28000000000000003</v>
      </c>
      <c r="H104" s="6">
        <v>96948183.489999995</v>
      </c>
      <c r="I104" s="6">
        <v>6311985.7999999998</v>
      </c>
      <c r="J104" s="6">
        <v>42593700.57</v>
      </c>
      <c r="K104" s="6">
        <v>0.28000000000000003</v>
      </c>
      <c r="L104" s="6">
        <v>97179779.459999993</v>
      </c>
      <c r="M104" s="6">
        <v>231595.97</v>
      </c>
    </row>
    <row r="105" spans="1:13" x14ac:dyDescent="0.25">
      <c r="A105" s="2" t="s">
        <v>205</v>
      </c>
      <c r="B105" s="4" t="s">
        <v>744</v>
      </c>
      <c r="C105" s="7">
        <v>49575700</v>
      </c>
      <c r="D105" s="7">
        <v>40598180.030000001</v>
      </c>
      <c r="E105" s="7">
        <v>3735444.08</v>
      </c>
      <c r="F105" s="7">
        <v>28912912.34</v>
      </c>
      <c r="G105" s="7">
        <v>0.19</v>
      </c>
      <c r="H105" s="7">
        <v>11685267.689999999</v>
      </c>
      <c r="I105" s="7">
        <v>4251167.72</v>
      </c>
      <c r="J105" s="7">
        <v>28697540.050000001</v>
      </c>
      <c r="K105" s="7">
        <v>0.19</v>
      </c>
      <c r="L105" s="7">
        <v>11900639.98</v>
      </c>
      <c r="M105" s="7">
        <v>215372.29</v>
      </c>
    </row>
    <row r="106" spans="1:13" x14ac:dyDescent="0.25">
      <c r="A106" s="2" t="s">
        <v>207</v>
      </c>
      <c r="B106" s="4" t="s">
        <v>759</v>
      </c>
      <c r="C106" s="7">
        <v>3900000</v>
      </c>
      <c r="D106" s="7">
        <v>5912000</v>
      </c>
      <c r="E106" s="7">
        <v>-1004724.49</v>
      </c>
      <c r="F106" s="7">
        <v>1830769.22</v>
      </c>
      <c r="G106" s="7">
        <v>0.01</v>
      </c>
      <c r="H106" s="7">
        <v>4081230.78</v>
      </c>
      <c r="I106" s="7">
        <v>368222.68</v>
      </c>
      <c r="J106" s="7">
        <v>1820919.54</v>
      </c>
      <c r="K106" s="7">
        <v>0.01</v>
      </c>
      <c r="L106" s="7">
        <v>4091080.46</v>
      </c>
      <c r="M106" s="7">
        <v>9849.68</v>
      </c>
    </row>
    <row r="107" spans="1:13" x14ac:dyDescent="0.25">
      <c r="A107" s="2" t="s">
        <v>209</v>
      </c>
      <c r="B107" s="4" t="s">
        <v>801</v>
      </c>
      <c r="C107" s="7">
        <v>29981800</v>
      </c>
      <c r="D107" s="7">
        <v>84130500</v>
      </c>
      <c r="E107" s="7">
        <v>-17338055.710000001</v>
      </c>
      <c r="F107" s="7">
        <v>11007392.91</v>
      </c>
      <c r="G107" s="7">
        <v>7.0000000000000007E-2</v>
      </c>
      <c r="H107" s="7">
        <v>73123107.090000004</v>
      </c>
      <c r="I107" s="7">
        <v>1618541.99</v>
      </c>
      <c r="J107" s="7">
        <v>11001018.91</v>
      </c>
      <c r="K107" s="7">
        <v>7.0000000000000007E-2</v>
      </c>
      <c r="L107" s="7">
        <v>73129481.090000004</v>
      </c>
      <c r="M107" s="7">
        <v>6374</v>
      </c>
    </row>
    <row r="108" spans="1:13" x14ac:dyDescent="0.25">
      <c r="A108" s="2" t="s">
        <v>211</v>
      </c>
      <c r="B108" s="4" t="s">
        <v>802</v>
      </c>
      <c r="C108" s="7">
        <v>4726300</v>
      </c>
      <c r="D108" s="7">
        <v>8831300</v>
      </c>
      <c r="E108" s="7">
        <v>-7568.07</v>
      </c>
      <c r="F108" s="7">
        <v>1074222.07</v>
      </c>
      <c r="G108" s="7">
        <v>0.01</v>
      </c>
      <c r="H108" s="7">
        <v>7757077.9299999997</v>
      </c>
      <c r="I108" s="7">
        <v>74053.41</v>
      </c>
      <c r="J108" s="7">
        <v>1074222.07</v>
      </c>
      <c r="K108" s="7">
        <v>0.01</v>
      </c>
      <c r="L108" s="7">
        <v>7757077.9299999997</v>
      </c>
      <c r="M108" s="7">
        <v>0</v>
      </c>
    </row>
    <row r="109" spans="1:13" x14ac:dyDescent="0.25">
      <c r="A109" s="2" t="s">
        <v>213</v>
      </c>
      <c r="B109" s="4" t="s">
        <v>803</v>
      </c>
      <c r="C109" s="7">
        <v>201500</v>
      </c>
      <c r="D109" s="7">
        <v>201500</v>
      </c>
      <c r="E109" s="7">
        <v>0</v>
      </c>
      <c r="F109" s="7">
        <v>0</v>
      </c>
      <c r="G109" s="7">
        <v>0</v>
      </c>
      <c r="H109" s="7">
        <v>201500</v>
      </c>
      <c r="I109" s="7">
        <v>0</v>
      </c>
      <c r="J109" s="7">
        <v>0</v>
      </c>
      <c r="K109" s="7">
        <v>0</v>
      </c>
      <c r="L109" s="7">
        <v>201500</v>
      </c>
      <c r="M109" s="7">
        <v>0</v>
      </c>
    </row>
    <row r="110" spans="1:13" x14ac:dyDescent="0.25">
      <c r="A110" s="2" t="s">
        <v>215</v>
      </c>
      <c r="B110" s="4" t="s">
        <v>804</v>
      </c>
      <c r="C110" s="7">
        <v>100000</v>
      </c>
      <c r="D110" s="7">
        <v>100000</v>
      </c>
      <c r="E110" s="7">
        <v>0</v>
      </c>
      <c r="F110" s="7">
        <v>0</v>
      </c>
      <c r="G110" s="7">
        <v>0</v>
      </c>
      <c r="H110" s="7">
        <v>100000</v>
      </c>
      <c r="I110" s="7">
        <v>0</v>
      </c>
      <c r="J110" s="7">
        <v>0</v>
      </c>
      <c r="K110" s="7">
        <v>0</v>
      </c>
      <c r="L110" s="7">
        <v>100000</v>
      </c>
      <c r="M110" s="7">
        <v>0</v>
      </c>
    </row>
    <row r="111" spans="1:13" x14ac:dyDescent="0.25">
      <c r="A111" s="3" t="s">
        <v>216</v>
      </c>
      <c r="B111" s="5" t="s">
        <v>805</v>
      </c>
      <c r="C111" s="6">
        <v>36168200</v>
      </c>
      <c r="D111" s="6">
        <v>40902586</v>
      </c>
      <c r="E111" s="6">
        <v>-336497.63</v>
      </c>
      <c r="F111" s="6">
        <v>11753472.01</v>
      </c>
      <c r="G111" s="6">
        <v>7.0000000000000007E-2</v>
      </c>
      <c r="H111" s="6">
        <v>29149113.989999998</v>
      </c>
      <c r="I111" s="6">
        <v>1645902.62</v>
      </c>
      <c r="J111" s="6">
        <v>11753472.01</v>
      </c>
      <c r="K111" s="6">
        <v>7.0000000000000007E-2</v>
      </c>
      <c r="L111" s="6">
        <v>29149113.989999998</v>
      </c>
      <c r="M111" s="6">
        <v>0</v>
      </c>
    </row>
    <row r="112" spans="1:13" x14ac:dyDescent="0.25">
      <c r="A112" s="2" t="s">
        <v>217</v>
      </c>
      <c r="B112" s="4" t="s">
        <v>745</v>
      </c>
      <c r="C112" s="7">
        <v>200</v>
      </c>
      <c r="D112" s="7">
        <v>200</v>
      </c>
      <c r="E112" s="7">
        <v>0</v>
      </c>
      <c r="F112" s="7">
        <v>0</v>
      </c>
      <c r="G112" s="7">
        <v>0</v>
      </c>
      <c r="H112" s="7">
        <v>200</v>
      </c>
      <c r="I112" s="7">
        <v>0</v>
      </c>
      <c r="J112" s="7">
        <v>0</v>
      </c>
      <c r="K112" s="7">
        <v>0</v>
      </c>
      <c r="L112" s="7">
        <v>200</v>
      </c>
      <c r="M112" s="7">
        <v>0</v>
      </c>
    </row>
    <row r="113" spans="1:13" x14ac:dyDescent="0.25">
      <c r="A113" s="2" t="s">
        <v>219</v>
      </c>
      <c r="B113" s="4" t="s">
        <v>788</v>
      </c>
      <c r="C113" s="7">
        <v>13734900</v>
      </c>
      <c r="D113" s="7">
        <v>15283250</v>
      </c>
      <c r="E113" s="7">
        <v>-337876.01</v>
      </c>
      <c r="F113" s="7">
        <v>6676043.25</v>
      </c>
      <c r="G113" s="7">
        <v>0.04</v>
      </c>
      <c r="H113" s="7">
        <v>8607206.75</v>
      </c>
      <c r="I113" s="7">
        <v>145475</v>
      </c>
      <c r="J113" s="7">
        <v>6676043.25</v>
      </c>
      <c r="K113" s="7">
        <v>0.04</v>
      </c>
      <c r="L113" s="7">
        <v>8607206.75</v>
      </c>
      <c r="M113" s="7">
        <v>0</v>
      </c>
    </row>
    <row r="114" spans="1:13" x14ac:dyDescent="0.25">
      <c r="A114" s="2" t="s">
        <v>221</v>
      </c>
      <c r="B114" s="4" t="s">
        <v>806</v>
      </c>
      <c r="C114" s="7">
        <v>22433100</v>
      </c>
      <c r="D114" s="7">
        <v>25619136</v>
      </c>
      <c r="E114" s="7">
        <v>1378.38</v>
      </c>
      <c r="F114" s="7">
        <v>5077428.76</v>
      </c>
      <c r="G114" s="7">
        <v>0.03</v>
      </c>
      <c r="H114" s="7">
        <v>20541707.239999998</v>
      </c>
      <c r="I114" s="7">
        <v>1500427.62</v>
      </c>
      <c r="J114" s="7">
        <v>5077428.76</v>
      </c>
      <c r="K114" s="7">
        <v>0.03</v>
      </c>
      <c r="L114" s="7">
        <v>20541707.239999998</v>
      </c>
      <c r="M114" s="7">
        <v>0</v>
      </c>
    </row>
    <row r="115" spans="1:13" x14ac:dyDescent="0.25">
      <c r="A115" s="3" t="s">
        <v>223</v>
      </c>
      <c r="B115" s="5" t="s">
        <v>807</v>
      </c>
      <c r="C115" s="6">
        <v>169886100</v>
      </c>
      <c r="D115" s="6">
        <v>260202834.59999999</v>
      </c>
      <c r="E115" s="6">
        <v>25212406.219999999</v>
      </c>
      <c r="F115" s="6">
        <v>143588785.75</v>
      </c>
      <c r="G115" s="6">
        <v>0.93</v>
      </c>
      <c r="H115" s="6">
        <v>116614048.84999999</v>
      </c>
      <c r="I115" s="6">
        <v>26397622.66</v>
      </c>
      <c r="J115" s="6">
        <v>134432196.5</v>
      </c>
      <c r="K115" s="6">
        <v>0.89</v>
      </c>
      <c r="L115" s="6">
        <v>125770638.09999999</v>
      </c>
      <c r="M115" s="6">
        <v>9156589.25</v>
      </c>
    </row>
    <row r="116" spans="1:13" x14ac:dyDescent="0.25">
      <c r="A116" s="2" t="s">
        <v>226</v>
      </c>
      <c r="B116" s="4" t="s">
        <v>744</v>
      </c>
      <c r="C116" s="7">
        <v>113138800</v>
      </c>
      <c r="D116" s="7">
        <v>111369400.59999999</v>
      </c>
      <c r="E116" s="7">
        <v>21075496.32</v>
      </c>
      <c r="F116" s="7">
        <v>107330413.94</v>
      </c>
      <c r="G116" s="7">
        <v>0.7</v>
      </c>
      <c r="H116" s="7">
        <v>4038986.66</v>
      </c>
      <c r="I116" s="7">
        <v>22181369.280000001</v>
      </c>
      <c r="J116" s="7">
        <v>107330413.94</v>
      </c>
      <c r="K116" s="7">
        <v>0.71</v>
      </c>
      <c r="L116" s="7">
        <v>4038986.66</v>
      </c>
      <c r="M116" s="7">
        <v>0</v>
      </c>
    </row>
    <row r="117" spans="1:13" x14ac:dyDescent="0.25">
      <c r="A117" s="2" t="s">
        <v>228</v>
      </c>
      <c r="B117" s="4" t="s">
        <v>793</v>
      </c>
      <c r="C117" s="7">
        <v>1000</v>
      </c>
      <c r="D117" s="7">
        <v>1000</v>
      </c>
      <c r="E117" s="7">
        <v>0</v>
      </c>
      <c r="F117" s="7">
        <v>0</v>
      </c>
      <c r="G117" s="7">
        <v>0</v>
      </c>
      <c r="H117" s="7">
        <v>1000</v>
      </c>
      <c r="I117" s="7">
        <v>0</v>
      </c>
      <c r="J117" s="7">
        <v>0</v>
      </c>
      <c r="K117" s="7">
        <v>0</v>
      </c>
      <c r="L117" s="7">
        <v>1000</v>
      </c>
      <c r="M117" s="7">
        <v>0</v>
      </c>
    </row>
    <row r="118" spans="1:13" x14ac:dyDescent="0.25">
      <c r="A118" s="2" t="s">
        <v>230</v>
      </c>
      <c r="B118" s="4" t="s">
        <v>801</v>
      </c>
      <c r="C118" s="7">
        <v>100</v>
      </c>
      <c r="D118" s="7">
        <v>100</v>
      </c>
      <c r="E118" s="7">
        <v>0</v>
      </c>
      <c r="F118" s="7">
        <v>0</v>
      </c>
      <c r="G118" s="7">
        <v>0</v>
      </c>
      <c r="H118" s="7">
        <v>100</v>
      </c>
      <c r="I118" s="7">
        <v>0</v>
      </c>
      <c r="J118" s="7">
        <v>0</v>
      </c>
      <c r="K118" s="7">
        <v>0</v>
      </c>
      <c r="L118" s="7">
        <v>100</v>
      </c>
      <c r="M118" s="7">
        <v>0</v>
      </c>
    </row>
    <row r="119" spans="1:13" x14ac:dyDescent="0.25">
      <c r="A119" s="2" t="s">
        <v>232</v>
      </c>
      <c r="B119" s="4" t="s">
        <v>802</v>
      </c>
      <c r="C119" s="7">
        <v>1000000</v>
      </c>
      <c r="D119" s="7">
        <v>1000000</v>
      </c>
      <c r="E119" s="7">
        <v>0</v>
      </c>
      <c r="F119" s="7">
        <v>0</v>
      </c>
      <c r="G119" s="7">
        <v>0</v>
      </c>
      <c r="H119" s="7">
        <v>1000000</v>
      </c>
      <c r="I119" s="7">
        <v>0</v>
      </c>
      <c r="J119" s="7">
        <v>0</v>
      </c>
      <c r="K119" s="7">
        <v>0</v>
      </c>
      <c r="L119" s="7">
        <v>1000000</v>
      </c>
      <c r="M119" s="7">
        <v>0</v>
      </c>
    </row>
    <row r="120" spans="1:13" x14ac:dyDescent="0.25">
      <c r="A120" s="2" t="s">
        <v>234</v>
      </c>
      <c r="B120" s="4" t="s">
        <v>804</v>
      </c>
      <c r="C120" s="7">
        <v>420000</v>
      </c>
      <c r="D120" s="7">
        <v>476000</v>
      </c>
      <c r="E120" s="7">
        <v>-1915</v>
      </c>
      <c r="F120" s="7">
        <v>105826</v>
      </c>
      <c r="G120" s="7">
        <v>0</v>
      </c>
      <c r="H120" s="7">
        <v>370174</v>
      </c>
      <c r="I120" s="7">
        <v>0</v>
      </c>
      <c r="J120" s="7">
        <v>105826</v>
      </c>
      <c r="K120" s="7">
        <v>0</v>
      </c>
      <c r="L120" s="7">
        <v>370174</v>
      </c>
      <c r="M120" s="7">
        <v>0</v>
      </c>
    </row>
    <row r="121" spans="1:13" x14ac:dyDescent="0.25">
      <c r="A121" s="2" t="s">
        <v>236</v>
      </c>
      <c r="B121" s="4" t="s">
        <v>806</v>
      </c>
      <c r="C121" s="7">
        <v>61500</v>
      </c>
      <c r="D121" s="7">
        <v>4384500</v>
      </c>
      <c r="E121" s="7">
        <v>-2806.7</v>
      </c>
      <c r="F121" s="7">
        <v>1647121.43</v>
      </c>
      <c r="G121" s="7">
        <v>0.01</v>
      </c>
      <c r="H121" s="7">
        <v>2737378.57</v>
      </c>
      <c r="I121" s="7">
        <v>73794.73</v>
      </c>
      <c r="J121" s="7">
        <v>314335.15000000002</v>
      </c>
      <c r="K121" s="7">
        <v>0</v>
      </c>
      <c r="L121" s="7">
        <v>4070164.85</v>
      </c>
      <c r="M121" s="7">
        <v>1332786.28</v>
      </c>
    </row>
    <row r="122" spans="1:13" x14ac:dyDescent="0.25">
      <c r="A122" s="2" t="s">
        <v>238</v>
      </c>
      <c r="B122" s="4" t="s">
        <v>808</v>
      </c>
      <c r="C122" s="7">
        <v>25974000</v>
      </c>
      <c r="D122" s="7">
        <v>102156434</v>
      </c>
      <c r="E122" s="7">
        <v>3764176.07</v>
      </c>
      <c r="F122" s="7">
        <v>17628439.989999998</v>
      </c>
      <c r="G122" s="7">
        <v>0.11</v>
      </c>
      <c r="H122" s="7">
        <v>84527994.010000005</v>
      </c>
      <c r="I122" s="7">
        <v>661402.23</v>
      </c>
      <c r="J122" s="7">
        <v>9888205.2200000007</v>
      </c>
      <c r="K122" s="7">
        <v>7.0000000000000007E-2</v>
      </c>
      <c r="L122" s="7">
        <v>92268228.780000001</v>
      </c>
      <c r="M122" s="7">
        <v>7740234.7699999996</v>
      </c>
    </row>
    <row r="123" spans="1:13" x14ac:dyDescent="0.25">
      <c r="A123" s="2" t="s">
        <v>240</v>
      </c>
      <c r="B123" s="4" t="s">
        <v>809</v>
      </c>
      <c r="C123" s="7">
        <v>100000</v>
      </c>
      <c r="D123" s="7">
        <v>100000</v>
      </c>
      <c r="E123" s="7">
        <v>0</v>
      </c>
      <c r="F123" s="7">
        <v>0</v>
      </c>
      <c r="G123" s="7">
        <v>0</v>
      </c>
      <c r="H123" s="7">
        <v>100000</v>
      </c>
      <c r="I123" s="7">
        <v>0</v>
      </c>
      <c r="J123" s="7">
        <v>0</v>
      </c>
      <c r="K123" s="7">
        <v>0</v>
      </c>
      <c r="L123" s="7">
        <v>100000</v>
      </c>
      <c r="M123" s="7">
        <v>0</v>
      </c>
    </row>
    <row r="124" spans="1:13" x14ac:dyDescent="0.25">
      <c r="A124" s="2" t="s">
        <v>242</v>
      </c>
      <c r="B124" s="4" t="s">
        <v>810</v>
      </c>
      <c r="C124" s="7">
        <v>8555100</v>
      </c>
      <c r="D124" s="7">
        <v>8555100</v>
      </c>
      <c r="E124" s="7">
        <v>418334.92</v>
      </c>
      <c r="F124" s="7">
        <v>2082442.94</v>
      </c>
      <c r="G124" s="7">
        <v>0.01</v>
      </c>
      <c r="H124" s="7">
        <v>6472657.0599999996</v>
      </c>
      <c r="I124" s="7">
        <v>418334.92</v>
      </c>
      <c r="J124" s="7">
        <v>2082442.94</v>
      </c>
      <c r="K124" s="7">
        <v>0.01</v>
      </c>
      <c r="L124" s="7">
        <v>6472657.0599999996</v>
      </c>
      <c r="M124" s="7">
        <v>0</v>
      </c>
    </row>
    <row r="125" spans="1:13" x14ac:dyDescent="0.25">
      <c r="A125" s="2" t="s">
        <v>244</v>
      </c>
      <c r="B125" s="4" t="s">
        <v>811</v>
      </c>
      <c r="C125" s="7">
        <v>20635600</v>
      </c>
      <c r="D125" s="7">
        <v>32160300</v>
      </c>
      <c r="E125" s="7">
        <v>-40879.39</v>
      </c>
      <c r="F125" s="7">
        <v>14794541.449999999</v>
      </c>
      <c r="G125" s="7">
        <v>0.1</v>
      </c>
      <c r="H125" s="7">
        <v>17365758.550000001</v>
      </c>
      <c r="I125" s="7">
        <v>3062721.5</v>
      </c>
      <c r="J125" s="7">
        <v>14710973.25</v>
      </c>
      <c r="K125" s="7">
        <v>0.1</v>
      </c>
      <c r="L125" s="7">
        <v>17449326.75</v>
      </c>
      <c r="M125" s="7">
        <v>83568.2</v>
      </c>
    </row>
    <row r="126" spans="1:13" x14ac:dyDescent="0.25">
      <c r="A126" s="3" t="s">
        <v>246</v>
      </c>
      <c r="B126" s="5" t="s">
        <v>812</v>
      </c>
      <c r="C126" s="6">
        <v>3830000</v>
      </c>
      <c r="D126" s="6">
        <v>12815000</v>
      </c>
      <c r="E126" s="6">
        <v>56007.72</v>
      </c>
      <c r="F126" s="6">
        <v>2754833.04</v>
      </c>
      <c r="G126" s="6">
        <v>0.02</v>
      </c>
      <c r="H126" s="6">
        <v>10060166.960000001</v>
      </c>
      <c r="I126" s="6">
        <v>786002.33</v>
      </c>
      <c r="J126" s="6">
        <v>2754833.04</v>
      </c>
      <c r="K126" s="6">
        <v>0.02</v>
      </c>
      <c r="L126" s="6">
        <v>10060166.960000001</v>
      </c>
      <c r="M126" s="6">
        <v>0</v>
      </c>
    </row>
    <row r="127" spans="1:13" x14ac:dyDescent="0.25">
      <c r="A127" s="2" t="s">
        <v>248</v>
      </c>
      <c r="B127" s="4" t="s">
        <v>813</v>
      </c>
      <c r="C127" s="7">
        <v>3830000</v>
      </c>
      <c r="D127" s="7">
        <v>12815000</v>
      </c>
      <c r="E127" s="7">
        <v>56007.72</v>
      </c>
      <c r="F127" s="7">
        <v>2754833.04</v>
      </c>
      <c r="G127" s="7">
        <v>0.02</v>
      </c>
      <c r="H127" s="7">
        <v>10060166.960000001</v>
      </c>
      <c r="I127" s="7">
        <v>786002.33</v>
      </c>
      <c r="J127" s="7">
        <v>2754833.04</v>
      </c>
      <c r="K127" s="7">
        <v>0.02</v>
      </c>
      <c r="L127" s="7">
        <v>10060166.960000001</v>
      </c>
      <c r="M127" s="7">
        <v>0</v>
      </c>
    </row>
    <row r="128" spans="1:13" x14ac:dyDescent="0.25">
      <c r="A128" s="3" t="s">
        <v>250</v>
      </c>
      <c r="B128" s="5" t="s">
        <v>814</v>
      </c>
      <c r="C128" s="6">
        <v>217427400</v>
      </c>
      <c r="D128" s="6">
        <v>50833779</v>
      </c>
      <c r="E128" s="6">
        <v>2302305.5499999998</v>
      </c>
      <c r="F128" s="6">
        <v>17628775.059999999</v>
      </c>
      <c r="G128" s="6">
        <v>0.11</v>
      </c>
      <c r="H128" s="6">
        <v>33205003.940000001</v>
      </c>
      <c r="I128" s="6">
        <v>2739582.21</v>
      </c>
      <c r="J128" s="6">
        <v>17628775.059999999</v>
      </c>
      <c r="K128" s="6">
        <v>0.12</v>
      </c>
      <c r="L128" s="6">
        <v>33205003.940000001</v>
      </c>
      <c r="M128" s="6">
        <v>0</v>
      </c>
    </row>
    <row r="129" spans="1:13" x14ac:dyDescent="0.25">
      <c r="A129" s="2" t="s">
        <v>252</v>
      </c>
      <c r="B129" s="4" t="s">
        <v>815</v>
      </c>
      <c r="C129" s="7">
        <v>217427400</v>
      </c>
      <c r="D129" s="7">
        <v>50833779</v>
      </c>
      <c r="E129" s="7">
        <v>2302305.5499999998</v>
      </c>
      <c r="F129" s="7">
        <v>17628775.059999999</v>
      </c>
      <c r="G129" s="7">
        <v>0.11</v>
      </c>
      <c r="H129" s="7">
        <v>33205003.940000001</v>
      </c>
      <c r="I129" s="7">
        <v>2739582.21</v>
      </c>
      <c r="J129" s="7">
        <v>17628775.059999999</v>
      </c>
      <c r="K129" s="7">
        <v>0.12</v>
      </c>
      <c r="L129" s="7">
        <v>33205003.940000001</v>
      </c>
      <c r="M129" s="7">
        <v>0</v>
      </c>
    </row>
    <row r="130" spans="1:13" x14ac:dyDescent="0.25">
      <c r="A130" s="3" t="s">
        <v>254</v>
      </c>
      <c r="B130" s="5" t="s">
        <v>816</v>
      </c>
      <c r="C130" s="6">
        <v>40061100</v>
      </c>
      <c r="D130" s="6">
        <v>42098679</v>
      </c>
      <c r="E130" s="6">
        <v>2670716.37</v>
      </c>
      <c r="F130" s="6">
        <v>18308058.530000001</v>
      </c>
      <c r="G130" s="6">
        <v>0.12</v>
      </c>
      <c r="H130" s="6">
        <v>23790620.469999999</v>
      </c>
      <c r="I130" s="6">
        <v>3780947.4</v>
      </c>
      <c r="J130" s="6">
        <v>17790785.59</v>
      </c>
      <c r="K130" s="6">
        <v>0.13</v>
      </c>
      <c r="L130" s="6">
        <v>24307893.41</v>
      </c>
      <c r="M130" s="6">
        <v>517272.94</v>
      </c>
    </row>
    <row r="131" spans="1:13" x14ac:dyDescent="0.25">
      <c r="A131" s="2" t="s">
        <v>256</v>
      </c>
      <c r="B131" s="4" t="s">
        <v>817</v>
      </c>
      <c r="C131" s="7">
        <v>12821600</v>
      </c>
      <c r="D131" s="7">
        <v>12949600</v>
      </c>
      <c r="E131" s="7">
        <v>1934762.14</v>
      </c>
      <c r="F131" s="7">
        <v>8725558.5099999998</v>
      </c>
      <c r="G131" s="7">
        <v>0.06</v>
      </c>
      <c r="H131" s="7">
        <v>4224041.49</v>
      </c>
      <c r="I131" s="7">
        <v>2061711.47</v>
      </c>
      <c r="J131" s="7">
        <v>8536194.0099999998</v>
      </c>
      <c r="K131" s="7">
        <v>0.06</v>
      </c>
      <c r="L131" s="7">
        <v>4413405.99</v>
      </c>
      <c r="M131" s="7">
        <v>189364.5</v>
      </c>
    </row>
    <row r="132" spans="1:13" x14ac:dyDescent="0.25">
      <c r="A132" s="2" t="s">
        <v>258</v>
      </c>
      <c r="B132" s="4" t="s">
        <v>818</v>
      </c>
      <c r="C132" s="7">
        <v>100</v>
      </c>
      <c r="D132" s="7">
        <v>100</v>
      </c>
      <c r="E132" s="7">
        <v>0</v>
      </c>
      <c r="F132" s="7">
        <v>0</v>
      </c>
      <c r="G132" s="7">
        <v>0</v>
      </c>
      <c r="H132" s="7">
        <v>100</v>
      </c>
      <c r="I132" s="7">
        <v>0</v>
      </c>
      <c r="J132" s="7">
        <v>0</v>
      </c>
      <c r="K132" s="7">
        <v>0</v>
      </c>
      <c r="L132" s="7">
        <v>100</v>
      </c>
      <c r="M132" s="7">
        <v>0</v>
      </c>
    </row>
    <row r="133" spans="1:13" x14ac:dyDescent="0.25">
      <c r="A133" s="2" t="s">
        <v>260</v>
      </c>
      <c r="B133" s="4" t="s">
        <v>819</v>
      </c>
      <c r="C133" s="7">
        <v>9792300</v>
      </c>
      <c r="D133" s="7">
        <v>8665699</v>
      </c>
      <c r="E133" s="7">
        <v>900312.17</v>
      </c>
      <c r="F133" s="7">
        <v>6851294.4500000002</v>
      </c>
      <c r="G133" s="7">
        <v>0.04</v>
      </c>
      <c r="H133" s="7">
        <v>1814404.55</v>
      </c>
      <c r="I133" s="7">
        <v>1332443.8400000001</v>
      </c>
      <c r="J133" s="7">
        <v>6837700.7000000002</v>
      </c>
      <c r="K133" s="7">
        <v>0.05</v>
      </c>
      <c r="L133" s="7">
        <v>1827998.3</v>
      </c>
      <c r="M133" s="7">
        <v>13593.75</v>
      </c>
    </row>
    <row r="134" spans="1:13" x14ac:dyDescent="0.25">
      <c r="A134" s="2" t="s">
        <v>262</v>
      </c>
      <c r="B134" s="4" t="s">
        <v>820</v>
      </c>
      <c r="C134" s="7">
        <v>17447100</v>
      </c>
      <c r="D134" s="7">
        <v>20483280</v>
      </c>
      <c r="E134" s="7">
        <v>-164357.94</v>
      </c>
      <c r="F134" s="7">
        <v>2731205.57</v>
      </c>
      <c r="G134" s="7">
        <v>0.02</v>
      </c>
      <c r="H134" s="7">
        <v>17752074.43</v>
      </c>
      <c r="I134" s="7">
        <v>386792.09</v>
      </c>
      <c r="J134" s="7">
        <v>2416890.8799999999</v>
      </c>
      <c r="K134" s="7">
        <v>0.02</v>
      </c>
      <c r="L134" s="7">
        <v>18066389.120000001</v>
      </c>
      <c r="M134" s="7">
        <v>314314.69</v>
      </c>
    </row>
    <row r="135" spans="1:13" x14ac:dyDescent="0.25">
      <c r="A135" s="3" t="s">
        <v>264</v>
      </c>
      <c r="B135" s="5" t="s">
        <v>821</v>
      </c>
      <c r="C135" s="6">
        <v>1600</v>
      </c>
      <c r="D135" s="6">
        <v>1600</v>
      </c>
      <c r="E135" s="6">
        <v>0</v>
      </c>
      <c r="F135" s="6">
        <v>0</v>
      </c>
      <c r="G135" s="6">
        <v>0</v>
      </c>
      <c r="H135" s="6">
        <v>1600</v>
      </c>
      <c r="I135" s="6">
        <v>0</v>
      </c>
      <c r="J135" s="6">
        <v>0</v>
      </c>
      <c r="K135" s="6">
        <v>0</v>
      </c>
      <c r="L135" s="6">
        <v>1600</v>
      </c>
      <c r="M135" s="6">
        <v>0</v>
      </c>
    </row>
    <row r="136" spans="1:13" x14ac:dyDescent="0.25">
      <c r="A136" s="2" t="s">
        <v>266</v>
      </c>
      <c r="B136" s="4" t="s">
        <v>747</v>
      </c>
      <c r="C136" s="7">
        <v>0</v>
      </c>
      <c r="D136" s="7">
        <v>0</v>
      </c>
      <c r="E136" s="7">
        <v>0</v>
      </c>
      <c r="F136" s="7">
        <v>0</v>
      </c>
      <c r="G136" s="7">
        <v>0</v>
      </c>
      <c r="H136" s="7">
        <v>0</v>
      </c>
      <c r="I136" s="7">
        <v>0</v>
      </c>
      <c r="J136" s="7">
        <v>0</v>
      </c>
      <c r="K136" s="7">
        <v>0</v>
      </c>
      <c r="L136" s="7">
        <v>0</v>
      </c>
      <c r="M136" s="7">
        <v>0</v>
      </c>
    </row>
    <row r="137" spans="1:13" x14ac:dyDescent="0.25">
      <c r="A137" s="2" t="s">
        <v>268</v>
      </c>
      <c r="B137" s="4" t="s">
        <v>822</v>
      </c>
      <c r="C137" s="7">
        <v>1600</v>
      </c>
      <c r="D137" s="7">
        <v>1600</v>
      </c>
      <c r="E137" s="7">
        <v>0</v>
      </c>
      <c r="F137" s="7">
        <v>0</v>
      </c>
      <c r="G137" s="7">
        <v>0</v>
      </c>
      <c r="H137" s="7">
        <v>1600</v>
      </c>
      <c r="I137" s="7">
        <v>0</v>
      </c>
      <c r="J137" s="7">
        <v>0</v>
      </c>
      <c r="K137" s="7">
        <v>0</v>
      </c>
      <c r="L137" s="7">
        <v>1600</v>
      </c>
      <c r="M137" s="7">
        <v>0</v>
      </c>
    </row>
    <row r="138" spans="1:13" x14ac:dyDescent="0.25">
      <c r="A138" s="3" t="s">
        <v>270</v>
      </c>
      <c r="B138" s="5" t="s">
        <v>823</v>
      </c>
      <c r="C138" s="6">
        <v>2000</v>
      </c>
      <c r="D138" s="6">
        <v>3744447</v>
      </c>
      <c r="E138" s="6">
        <v>-654932.4</v>
      </c>
      <c r="F138" s="6">
        <v>407907.75</v>
      </c>
      <c r="G138" s="6">
        <v>0</v>
      </c>
      <c r="H138" s="6">
        <v>3336539.25</v>
      </c>
      <c r="I138" s="6">
        <v>0</v>
      </c>
      <c r="J138" s="6">
        <v>407907.75</v>
      </c>
      <c r="K138" s="6">
        <v>0</v>
      </c>
      <c r="L138" s="6">
        <v>3336539.25</v>
      </c>
      <c r="M138" s="6">
        <v>0</v>
      </c>
    </row>
    <row r="139" spans="1:13" x14ac:dyDescent="0.25">
      <c r="A139" s="2" t="s">
        <v>272</v>
      </c>
      <c r="B139" s="4" t="s">
        <v>824</v>
      </c>
      <c r="C139" s="7">
        <v>1000</v>
      </c>
      <c r="D139" s="7">
        <v>1000</v>
      </c>
      <c r="E139" s="7">
        <v>0</v>
      </c>
      <c r="F139" s="7">
        <v>0</v>
      </c>
      <c r="G139" s="7">
        <v>0</v>
      </c>
      <c r="H139" s="7">
        <v>1000</v>
      </c>
      <c r="I139" s="7">
        <v>0</v>
      </c>
      <c r="J139" s="7">
        <v>0</v>
      </c>
      <c r="K139" s="7">
        <v>0</v>
      </c>
      <c r="L139" s="7">
        <v>1000</v>
      </c>
      <c r="M139" s="7">
        <v>0</v>
      </c>
    </row>
    <row r="140" spans="1:13" x14ac:dyDescent="0.25">
      <c r="A140" s="2" t="s">
        <v>274</v>
      </c>
      <c r="B140" s="4" t="s">
        <v>825</v>
      </c>
      <c r="C140" s="7">
        <v>1000</v>
      </c>
      <c r="D140" s="7">
        <v>3743447</v>
      </c>
      <c r="E140" s="7">
        <v>-654932.4</v>
      </c>
      <c r="F140" s="7">
        <v>407907.75</v>
      </c>
      <c r="G140" s="7">
        <v>0</v>
      </c>
      <c r="H140" s="7">
        <v>3335539.25</v>
      </c>
      <c r="I140" s="7">
        <v>0</v>
      </c>
      <c r="J140" s="7">
        <v>407907.75</v>
      </c>
      <c r="K140" s="7">
        <v>0</v>
      </c>
      <c r="L140" s="7">
        <v>3335539.25</v>
      </c>
      <c r="M140" s="7">
        <v>0</v>
      </c>
    </row>
    <row r="141" spans="1:13" x14ac:dyDescent="0.25">
      <c r="A141" s="3" t="s">
        <v>276</v>
      </c>
      <c r="B141" s="5" t="s">
        <v>826</v>
      </c>
      <c r="C141" s="6">
        <v>978760600</v>
      </c>
      <c r="D141" s="6">
        <v>1204265189.78</v>
      </c>
      <c r="E141" s="6">
        <v>8351449.2800000003</v>
      </c>
      <c r="F141" s="6">
        <v>940764015.58000004</v>
      </c>
      <c r="G141" s="6">
        <v>6.12</v>
      </c>
      <c r="H141" s="6">
        <v>263501174.19999999</v>
      </c>
      <c r="I141" s="6">
        <v>165282817.47</v>
      </c>
      <c r="J141" s="6">
        <v>933711240.29999995</v>
      </c>
      <c r="K141" s="6">
        <v>6.19</v>
      </c>
      <c r="L141" s="6">
        <v>270553949.48000002</v>
      </c>
      <c r="M141" s="6">
        <v>7052775.2800000003</v>
      </c>
    </row>
    <row r="142" spans="1:13" x14ac:dyDescent="0.25">
      <c r="A142" s="2" t="s">
        <v>278</v>
      </c>
      <c r="B142" s="4" t="s">
        <v>744</v>
      </c>
      <c r="C142" s="7">
        <v>94096100</v>
      </c>
      <c r="D142" s="7">
        <v>75612769.239999995</v>
      </c>
      <c r="E142" s="7">
        <v>11124058.83</v>
      </c>
      <c r="F142" s="7">
        <v>62035979.979999997</v>
      </c>
      <c r="G142" s="7">
        <v>0.4</v>
      </c>
      <c r="H142" s="7">
        <v>13576789.26</v>
      </c>
      <c r="I142" s="7">
        <v>11736894.35</v>
      </c>
      <c r="J142" s="7">
        <v>61865005.159999996</v>
      </c>
      <c r="K142" s="7">
        <v>0.41</v>
      </c>
      <c r="L142" s="7">
        <v>13747764.08</v>
      </c>
      <c r="M142" s="7">
        <v>170974.82</v>
      </c>
    </row>
    <row r="143" spans="1:13" x14ac:dyDescent="0.25">
      <c r="A143" s="2" t="s">
        <v>280</v>
      </c>
      <c r="B143" s="4" t="s">
        <v>819</v>
      </c>
      <c r="C143" s="7">
        <v>100</v>
      </c>
      <c r="D143" s="7">
        <v>100</v>
      </c>
      <c r="E143" s="7">
        <v>0</v>
      </c>
      <c r="F143" s="7">
        <v>0</v>
      </c>
      <c r="G143" s="7">
        <v>0</v>
      </c>
      <c r="H143" s="7">
        <v>100</v>
      </c>
      <c r="I143" s="7">
        <v>0</v>
      </c>
      <c r="J143" s="7">
        <v>0</v>
      </c>
      <c r="K143" s="7">
        <v>0</v>
      </c>
      <c r="L143" s="7">
        <v>100</v>
      </c>
      <c r="M143" s="7">
        <v>0</v>
      </c>
    </row>
    <row r="144" spans="1:13" x14ac:dyDescent="0.25">
      <c r="A144" s="2" t="s">
        <v>282</v>
      </c>
      <c r="B144" s="4" t="s">
        <v>827</v>
      </c>
      <c r="C144" s="7">
        <v>629400</v>
      </c>
      <c r="D144" s="7">
        <v>7503015</v>
      </c>
      <c r="E144" s="7">
        <v>-2784047.69</v>
      </c>
      <c r="F144" s="7">
        <v>3250135.17</v>
      </c>
      <c r="G144" s="7">
        <v>0.02</v>
      </c>
      <c r="H144" s="7">
        <v>4252879.83</v>
      </c>
      <c r="I144" s="7">
        <v>298652.03999999998</v>
      </c>
      <c r="J144" s="7">
        <v>1347249.1</v>
      </c>
      <c r="K144" s="7">
        <v>0.01</v>
      </c>
      <c r="L144" s="7">
        <v>6155765.9000000004</v>
      </c>
      <c r="M144" s="7">
        <v>1902886.07</v>
      </c>
    </row>
    <row r="145" spans="1:13" x14ac:dyDescent="0.25">
      <c r="A145" s="2" t="s">
        <v>284</v>
      </c>
      <c r="B145" s="4" t="s">
        <v>828</v>
      </c>
      <c r="C145" s="7">
        <v>884032800</v>
      </c>
      <c r="D145" s="7">
        <v>1121147105.54</v>
      </c>
      <c r="E145" s="7">
        <v>11438.14</v>
      </c>
      <c r="F145" s="7">
        <v>875477900.42999995</v>
      </c>
      <c r="G145" s="7">
        <v>5.7</v>
      </c>
      <c r="H145" s="7">
        <v>245669205.11000001</v>
      </c>
      <c r="I145" s="7">
        <v>153247271.08000001</v>
      </c>
      <c r="J145" s="7">
        <v>870498986.03999996</v>
      </c>
      <c r="K145" s="7">
        <v>5.77</v>
      </c>
      <c r="L145" s="7">
        <v>250648119.5</v>
      </c>
      <c r="M145" s="7">
        <v>4978914.3899999997</v>
      </c>
    </row>
    <row r="146" spans="1:13" x14ac:dyDescent="0.25">
      <c r="A146" s="2" t="s">
        <v>286</v>
      </c>
      <c r="B146" s="4" t="s">
        <v>829</v>
      </c>
      <c r="C146" s="7">
        <v>1100</v>
      </c>
      <c r="D146" s="7">
        <v>1100</v>
      </c>
      <c r="E146" s="7">
        <v>0</v>
      </c>
      <c r="F146" s="7">
        <v>0</v>
      </c>
      <c r="G146" s="7">
        <v>0</v>
      </c>
      <c r="H146" s="7">
        <v>1100</v>
      </c>
      <c r="I146" s="7">
        <v>0</v>
      </c>
      <c r="J146" s="7">
        <v>0</v>
      </c>
      <c r="K146" s="7">
        <v>0</v>
      </c>
      <c r="L146" s="7">
        <v>1100</v>
      </c>
      <c r="M146" s="7">
        <v>0</v>
      </c>
    </row>
    <row r="147" spans="1:13" x14ac:dyDescent="0.25">
      <c r="A147" s="2" t="s">
        <v>288</v>
      </c>
      <c r="B147" s="4" t="s">
        <v>830</v>
      </c>
      <c r="C147" s="7">
        <v>1100</v>
      </c>
      <c r="D147" s="7">
        <v>1100</v>
      </c>
      <c r="E147" s="7">
        <v>0</v>
      </c>
      <c r="F147" s="7">
        <v>0</v>
      </c>
      <c r="G147" s="7">
        <v>0</v>
      </c>
      <c r="H147" s="7">
        <v>1100</v>
      </c>
      <c r="I147" s="7">
        <v>0</v>
      </c>
      <c r="J147" s="7">
        <v>0</v>
      </c>
      <c r="K147" s="7">
        <v>0</v>
      </c>
      <c r="L147" s="7">
        <v>1100</v>
      </c>
      <c r="M147" s="7">
        <v>0</v>
      </c>
    </row>
    <row r="148" spans="1:13" x14ac:dyDescent="0.25">
      <c r="A148" s="3" t="s">
        <v>290</v>
      </c>
      <c r="B148" s="5" t="s">
        <v>831</v>
      </c>
      <c r="C148" s="6">
        <v>38644000</v>
      </c>
      <c r="D148" s="6">
        <v>39874001.57</v>
      </c>
      <c r="E148" s="6">
        <v>865086.76</v>
      </c>
      <c r="F148" s="6">
        <v>8652750.6400000006</v>
      </c>
      <c r="G148" s="6">
        <v>0.06</v>
      </c>
      <c r="H148" s="6">
        <v>31221250.93</v>
      </c>
      <c r="I148" s="6">
        <v>1456353.05</v>
      </c>
      <c r="J148" s="6">
        <v>8173913.8200000003</v>
      </c>
      <c r="K148" s="6">
        <v>0.06</v>
      </c>
      <c r="L148" s="6">
        <v>31700087.75</v>
      </c>
      <c r="M148" s="6">
        <v>478836.82</v>
      </c>
    </row>
    <row r="149" spans="1:13" x14ac:dyDescent="0.25">
      <c r="A149" s="2" t="s">
        <v>292</v>
      </c>
      <c r="B149" s="4" t="s">
        <v>744</v>
      </c>
      <c r="C149" s="7">
        <v>5582400</v>
      </c>
      <c r="D149" s="7">
        <v>6672400</v>
      </c>
      <c r="E149" s="7">
        <v>-55465.68</v>
      </c>
      <c r="F149" s="7">
        <v>1499565.25</v>
      </c>
      <c r="G149" s="7">
        <v>0.01</v>
      </c>
      <c r="H149" s="7">
        <v>5172834.75</v>
      </c>
      <c r="I149" s="7">
        <v>429001.85</v>
      </c>
      <c r="J149" s="7">
        <v>1319373.3400000001</v>
      </c>
      <c r="K149" s="7">
        <v>0.01</v>
      </c>
      <c r="L149" s="7">
        <v>5353026.66</v>
      </c>
      <c r="M149" s="7">
        <v>180191.91</v>
      </c>
    </row>
    <row r="150" spans="1:13" x14ac:dyDescent="0.25">
      <c r="A150" s="2" t="s">
        <v>294</v>
      </c>
      <c r="B150" s="4" t="s">
        <v>832</v>
      </c>
      <c r="C150" s="7">
        <v>25584600</v>
      </c>
      <c r="D150" s="7">
        <v>24226400</v>
      </c>
      <c r="E150" s="7">
        <v>117177.93</v>
      </c>
      <c r="F150" s="7">
        <v>2342893.6800000002</v>
      </c>
      <c r="G150" s="7">
        <v>0.02</v>
      </c>
      <c r="H150" s="7">
        <v>21883506.32</v>
      </c>
      <c r="I150" s="7">
        <v>178447.9</v>
      </c>
      <c r="J150" s="7">
        <v>2342893.6800000002</v>
      </c>
      <c r="K150" s="7">
        <v>0.02</v>
      </c>
      <c r="L150" s="7">
        <v>21883506.32</v>
      </c>
      <c r="M150" s="7">
        <v>0</v>
      </c>
    </row>
    <row r="151" spans="1:13" x14ac:dyDescent="0.25">
      <c r="A151" s="2" t="s">
        <v>296</v>
      </c>
      <c r="B151" s="4" t="s">
        <v>833</v>
      </c>
      <c r="C151" s="7">
        <v>7477000</v>
      </c>
      <c r="D151" s="7">
        <v>8975201.5700000003</v>
      </c>
      <c r="E151" s="7">
        <v>803374.51</v>
      </c>
      <c r="F151" s="7">
        <v>4810291.71</v>
      </c>
      <c r="G151" s="7">
        <v>0.03</v>
      </c>
      <c r="H151" s="7">
        <v>4164909.86</v>
      </c>
      <c r="I151" s="7">
        <v>848903.3</v>
      </c>
      <c r="J151" s="7">
        <v>4511646.8</v>
      </c>
      <c r="K151" s="7">
        <v>0.03</v>
      </c>
      <c r="L151" s="7">
        <v>4463554.7699999996</v>
      </c>
      <c r="M151" s="7">
        <v>298644.90999999997</v>
      </c>
    </row>
    <row r="152" spans="1:13" x14ac:dyDescent="0.25">
      <c r="A152" s="3" t="s">
        <v>298</v>
      </c>
      <c r="B152" s="5" t="s">
        <v>834</v>
      </c>
      <c r="C152" s="6">
        <v>1088895100</v>
      </c>
      <c r="D152" s="6">
        <v>482993707.47000003</v>
      </c>
      <c r="E152" s="6">
        <v>44276100.25</v>
      </c>
      <c r="F152" s="6">
        <v>443603052.58999997</v>
      </c>
      <c r="G152" s="6">
        <v>2.9</v>
      </c>
      <c r="H152" s="6">
        <v>39390654.880000003</v>
      </c>
      <c r="I152" s="6">
        <v>44500724.57</v>
      </c>
      <c r="J152" s="6">
        <v>443603052.58999997</v>
      </c>
      <c r="K152" s="6">
        <v>2.94</v>
      </c>
      <c r="L152" s="6">
        <v>39390654.880000003</v>
      </c>
      <c r="M152" s="6">
        <v>0</v>
      </c>
    </row>
    <row r="153" spans="1:13" x14ac:dyDescent="0.25">
      <c r="A153" s="2" t="s">
        <v>300</v>
      </c>
      <c r="B153" s="4" t="s">
        <v>835</v>
      </c>
      <c r="C153" s="7">
        <v>411477000</v>
      </c>
      <c r="D153" s="7">
        <v>63895851</v>
      </c>
      <c r="E153" s="7">
        <v>1290689.95</v>
      </c>
      <c r="F153" s="7">
        <v>63856843.810000002</v>
      </c>
      <c r="G153" s="7">
        <v>0.42</v>
      </c>
      <c r="H153" s="7">
        <v>39007.19</v>
      </c>
      <c r="I153" s="7">
        <v>1290689.95</v>
      </c>
      <c r="J153" s="7">
        <v>63856843.810000002</v>
      </c>
      <c r="K153" s="7">
        <v>0.42</v>
      </c>
      <c r="L153" s="7">
        <v>39007.19</v>
      </c>
      <c r="M153" s="7">
        <v>0</v>
      </c>
    </row>
    <row r="154" spans="1:13" x14ac:dyDescent="0.25">
      <c r="A154" s="2" t="s">
        <v>302</v>
      </c>
      <c r="B154" s="4" t="s">
        <v>768</v>
      </c>
      <c r="C154" s="7">
        <v>168250100</v>
      </c>
      <c r="D154" s="7">
        <v>76902412</v>
      </c>
      <c r="E154" s="7">
        <v>3080393.92</v>
      </c>
      <c r="F154" s="7">
        <v>76617396.640000001</v>
      </c>
      <c r="G154" s="7">
        <v>0.5</v>
      </c>
      <c r="H154" s="7">
        <v>285015.36</v>
      </c>
      <c r="I154" s="7">
        <v>3104340.04</v>
      </c>
      <c r="J154" s="7">
        <v>76617396.640000001</v>
      </c>
      <c r="K154" s="7">
        <v>0.51</v>
      </c>
      <c r="L154" s="7">
        <v>285015.36</v>
      </c>
      <c r="M154" s="7">
        <v>0</v>
      </c>
    </row>
    <row r="155" spans="1:13" x14ac:dyDescent="0.25">
      <c r="A155" s="2" t="s">
        <v>304</v>
      </c>
      <c r="B155" s="4" t="s">
        <v>836</v>
      </c>
      <c r="C155" s="7">
        <v>102007600</v>
      </c>
      <c r="D155" s="7">
        <v>127007600</v>
      </c>
      <c r="E155" s="7">
        <v>8271358.8799999999</v>
      </c>
      <c r="F155" s="7">
        <v>104389875.48999999</v>
      </c>
      <c r="G155" s="7">
        <v>0.68</v>
      </c>
      <c r="H155" s="7">
        <v>22617724.510000002</v>
      </c>
      <c r="I155" s="7">
        <v>8271358.8799999999</v>
      </c>
      <c r="J155" s="7">
        <v>104389875.48999999</v>
      </c>
      <c r="K155" s="7">
        <v>0.69</v>
      </c>
      <c r="L155" s="7">
        <v>22617724.510000002</v>
      </c>
      <c r="M155" s="7">
        <v>0</v>
      </c>
    </row>
    <row r="156" spans="1:13" x14ac:dyDescent="0.25">
      <c r="A156" s="2" t="s">
        <v>306</v>
      </c>
      <c r="B156" s="4" t="s">
        <v>837</v>
      </c>
      <c r="C156" s="7">
        <v>33302200</v>
      </c>
      <c r="D156" s="7">
        <v>33302200</v>
      </c>
      <c r="E156" s="7">
        <v>2750000</v>
      </c>
      <c r="F156" s="7">
        <v>33134227.140000001</v>
      </c>
      <c r="G156" s="7">
        <v>0.22</v>
      </c>
      <c r="H156" s="7">
        <v>167972.86</v>
      </c>
      <c r="I156" s="7">
        <v>2750000</v>
      </c>
      <c r="J156" s="7">
        <v>33134227.140000001</v>
      </c>
      <c r="K156" s="7">
        <v>0.22</v>
      </c>
      <c r="L156" s="7">
        <v>167972.86</v>
      </c>
      <c r="M156" s="7">
        <v>0</v>
      </c>
    </row>
    <row r="157" spans="1:13" x14ac:dyDescent="0.25">
      <c r="A157" s="2" t="s">
        <v>308</v>
      </c>
      <c r="B157" s="4" t="s">
        <v>741</v>
      </c>
      <c r="C157" s="7">
        <v>373858200</v>
      </c>
      <c r="D157" s="7">
        <v>181885644.47</v>
      </c>
      <c r="E157" s="7">
        <v>28883657.5</v>
      </c>
      <c r="F157" s="7">
        <v>165604709.50999999</v>
      </c>
      <c r="G157" s="7">
        <v>1.08</v>
      </c>
      <c r="H157" s="7">
        <v>16280934.960000001</v>
      </c>
      <c r="I157" s="7">
        <v>29084335.699999999</v>
      </c>
      <c r="J157" s="7">
        <v>165604709.50999999</v>
      </c>
      <c r="K157" s="7">
        <v>1.1000000000000001</v>
      </c>
      <c r="L157" s="7">
        <v>16280934.960000001</v>
      </c>
      <c r="M157" s="7">
        <v>0</v>
      </c>
    </row>
    <row r="158" spans="1:13" x14ac:dyDescent="0.25">
      <c r="A158" s="3" t="s">
        <v>310</v>
      </c>
      <c r="B158" s="5" t="s">
        <v>838</v>
      </c>
      <c r="C158" s="6">
        <v>128000000</v>
      </c>
      <c r="D158" s="6">
        <v>617814</v>
      </c>
      <c r="E158" s="6">
        <v>0</v>
      </c>
      <c r="F158" s="6">
        <v>0</v>
      </c>
      <c r="G158" s="6">
        <v>0</v>
      </c>
      <c r="H158" s="6">
        <v>617814</v>
      </c>
      <c r="I158" s="6">
        <v>0</v>
      </c>
      <c r="J158" s="6">
        <v>0</v>
      </c>
      <c r="K158" s="6">
        <v>0</v>
      </c>
      <c r="L158" s="6">
        <v>617814</v>
      </c>
      <c r="M158" s="6">
        <v>0</v>
      </c>
    </row>
    <row r="159" spans="1:13" x14ac:dyDescent="0.25">
      <c r="A159" s="2" t="s">
        <v>312</v>
      </c>
      <c r="B159" s="4" t="s">
        <v>839</v>
      </c>
      <c r="C159" s="7">
        <v>128000000</v>
      </c>
      <c r="D159" s="7">
        <v>617814</v>
      </c>
      <c r="E159" s="7">
        <v>0</v>
      </c>
      <c r="F159" s="7">
        <v>0</v>
      </c>
      <c r="G159" s="7">
        <v>0</v>
      </c>
      <c r="H159" s="7">
        <v>617814</v>
      </c>
      <c r="I159" s="7">
        <v>0</v>
      </c>
      <c r="J159" s="7">
        <v>0</v>
      </c>
      <c r="K159" s="7">
        <v>0</v>
      </c>
      <c r="L159" s="7">
        <v>617814</v>
      </c>
      <c r="M159" s="7">
        <v>0</v>
      </c>
    </row>
    <row r="160" spans="1:13" x14ac:dyDescent="0.25">
      <c r="A160" s="3" t="s">
        <v>314</v>
      </c>
      <c r="B160" s="5" t="s">
        <v>840</v>
      </c>
      <c r="C160" s="6">
        <v>1303284700</v>
      </c>
      <c r="D160" s="6">
        <v>2111197815.8699999</v>
      </c>
      <c r="E160" s="6">
        <v>425995929.00999999</v>
      </c>
      <c r="F160" s="6">
        <v>2065078374.8699999</v>
      </c>
      <c r="G160" s="6">
        <v>13.46</v>
      </c>
      <c r="H160" s="6">
        <v>46119441</v>
      </c>
      <c r="I160" s="6">
        <v>456165461.31</v>
      </c>
      <c r="J160" s="6">
        <v>2065078374.8699999</v>
      </c>
      <c r="K160" s="6">
        <v>13.67</v>
      </c>
      <c r="L160" s="6">
        <v>46119441</v>
      </c>
      <c r="M160" s="6">
        <v>0</v>
      </c>
    </row>
    <row r="161" spans="1:13" x14ac:dyDescent="0.25">
      <c r="A161" s="3" t="s">
        <v>316</v>
      </c>
      <c r="B161" s="5" t="s">
        <v>738</v>
      </c>
      <c r="C161" s="6">
        <v>112050000</v>
      </c>
      <c r="D161" s="6">
        <v>111990000</v>
      </c>
      <c r="E161" s="6">
        <v>28268912.68</v>
      </c>
      <c r="F161" s="6">
        <v>108323705.26000001</v>
      </c>
      <c r="G161" s="6">
        <v>0.71</v>
      </c>
      <c r="H161" s="6">
        <v>3666294.74</v>
      </c>
      <c r="I161" s="6">
        <v>28268912.68</v>
      </c>
      <c r="J161" s="6">
        <v>108323705.26000001</v>
      </c>
      <c r="K161" s="6">
        <v>0.72</v>
      </c>
      <c r="L161" s="6">
        <v>3666294.74</v>
      </c>
      <c r="M161" s="6">
        <v>0</v>
      </c>
    </row>
    <row r="162" spans="1:13" x14ac:dyDescent="0.25">
      <c r="A162" s="2" t="s">
        <v>318</v>
      </c>
      <c r="B162" s="4" t="s">
        <v>739</v>
      </c>
      <c r="C162" s="7">
        <v>53550000</v>
      </c>
      <c r="D162" s="7">
        <v>53490000</v>
      </c>
      <c r="E162" s="7">
        <v>15080353.4</v>
      </c>
      <c r="F162" s="7">
        <v>51546650.100000001</v>
      </c>
      <c r="G162" s="7">
        <v>0.34</v>
      </c>
      <c r="H162" s="7">
        <v>1943349.9</v>
      </c>
      <c r="I162" s="7">
        <v>15080353.4</v>
      </c>
      <c r="J162" s="7">
        <v>51546650.100000001</v>
      </c>
      <c r="K162" s="7">
        <v>0.34</v>
      </c>
      <c r="L162" s="7">
        <v>1943349.9</v>
      </c>
      <c r="M162" s="7">
        <v>0</v>
      </c>
    </row>
    <row r="163" spans="1:13" x14ac:dyDescent="0.25">
      <c r="A163" s="2" t="s">
        <v>320</v>
      </c>
      <c r="B163" s="4" t="s">
        <v>740</v>
      </c>
      <c r="C163" s="7">
        <v>58500000</v>
      </c>
      <c r="D163" s="7">
        <v>58500000</v>
      </c>
      <c r="E163" s="7">
        <v>13188559.279999999</v>
      </c>
      <c r="F163" s="7">
        <v>56777055.159999996</v>
      </c>
      <c r="G163" s="7">
        <v>0.37</v>
      </c>
      <c r="H163" s="7">
        <v>1722944.84</v>
      </c>
      <c r="I163" s="7">
        <v>13188559.279999999</v>
      </c>
      <c r="J163" s="7">
        <v>56777055.159999996</v>
      </c>
      <c r="K163" s="7">
        <v>0.38</v>
      </c>
      <c r="L163" s="7">
        <v>1722944.84</v>
      </c>
      <c r="M163" s="7">
        <v>0</v>
      </c>
    </row>
    <row r="164" spans="1:13" x14ac:dyDescent="0.25">
      <c r="A164" s="3" t="s">
        <v>322</v>
      </c>
      <c r="B164" s="5" t="s">
        <v>742</v>
      </c>
      <c r="C164" s="6">
        <v>157649300</v>
      </c>
      <c r="D164" s="6">
        <v>170359300</v>
      </c>
      <c r="E164" s="6">
        <v>3523307.22</v>
      </c>
      <c r="F164" s="6">
        <v>161667607.22</v>
      </c>
      <c r="G164" s="6">
        <v>1.05</v>
      </c>
      <c r="H164" s="6">
        <v>8691692.7799999993</v>
      </c>
      <c r="I164" s="6">
        <v>32775498.34</v>
      </c>
      <c r="J164" s="6">
        <v>161667607.22</v>
      </c>
      <c r="K164" s="6">
        <v>1.07</v>
      </c>
      <c r="L164" s="6">
        <v>8691692.7799999993</v>
      </c>
      <c r="M164" s="6">
        <v>0</v>
      </c>
    </row>
    <row r="165" spans="1:13" x14ac:dyDescent="0.25">
      <c r="A165" s="2" t="s">
        <v>324</v>
      </c>
      <c r="B165" s="4" t="s">
        <v>744</v>
      </c>
      <c r="C165" s="7">
        <v>157649300</v>
      </c>
      <c r="D165" s="7">
        <v>170359300</v>
      </c>
      <c r="E165" s="7">
        <v>3523307.22</v>
      </c>
      <c r="F165" s="7">
        <v>161667607.22</v>
      </c>
      <c r="G165" s="7">
        <v>1.05</v>
      </c>
      <c r="H165" s="7">
        <v>8691692.7799999993</v>
      </c>
      <c r="I165" s="7">
        <v>32775498.34</v>
      </c>
      <c r="J165" s="7">
        <v>161667607.22</v>
      </c>
      <c r="K165" s="7">
        <v>1.07</v>
      </c>
      <c r="L165" s="7">
        <v>8691692.7799999993</v>
      </c>
      <c r="M165" s="7">
        <v>0</v>
      </c>
    </row>
    <row r="166" spans="1:13" x14ac:dyDescent="0.25">
      <c r="A166" s="3" t="s">
        <v>326</v>
      </c>
      <c r="B166" s="5" t="s">
        <v>748</v>
      </c>
      <c r="C166" s="6">
        <v>100195600</v>
      </c>
      <c r="D166" s="6">
        <v>91630390.260000005</v>
      </c>
      <c r="E166" s="6">
        <v>20719074.039999999</v>
      </c>
      <c r="F166" s="6">
        <v>91324260.709999993</v>
      </c>
      <c r="G166" s="6">
        <v>0.6</v>
      </c>
      <c r="H166" s="6">
        <v>306129.55</v>
      </c>
      <c r="I166" s="6">
        <v>20722028.039999999</v>
      </c>
      <c r="J166" s="6">
        <v>91324260.709999993</v>
      </c>
      <c r="K166" s="6">
        <v>0.6</v>
      </c>
      <c r="L166" s="6">
        <v>306129.55</v>
      </c>
      <c r="M166" s="6">
        <v>0</v>
      </c>
    </row>
    <row r="167" spans="1:13" x14ac:dyDescent="0.25">
      <c r="A167" s="2" t="s">
        <v>328</v>
      </c>
      <c r="B167" s="4" t="s">
        <v>749</v>
      </c>
      <c r="C167" s="7">
        <v>53919600</v>
      </c>
      <c r="D167" s="7">
        <v>47313467</v>
      </c>
      <c r="E167" s="7">
        <v>10882669.51</v>
      </c>
      <c r="F167" s="7">
        <v>47313466.43</v>
      </c>
      <c r="G167" s="7">
        <v>0.31</v>
      </c>
      <c r="H167" s="7">
        <v>0.56999999999999995</v>
      </c>
      <c r="I167" s="7">
        <v>10882669.51</v>
      </c>
      <c r="J167" s="7">
        <v>47313466.43</v>
      </c>
      <c r="K167" s="7">
        <v>0.31</v>
      </c>
      <c r="L167" s="7">
        <v>0.56999999999999995</v>
      </c>
      <c r="M167" s="7">
        <v>0</v>
      </c>
    </row>
    <row r="168" spans="1:13" x14ac:dyDescent="0.25">
      <c r="A168" s="2" t="s">
        <v>329</v>
      </c>
      <c r="B168" s="4" t="s">
        <v>750</v>
      </c>
      <c r="C168" s="7">
        <v>15706000</v>
      </c>
      <c r="D168" s="7">
        <v>15310079</v>
      </c>
      <c r="E168" s="7">
        <v>3127928.79</v>
      </c>
      <c r="F168" s="7">
        <v>15004968.140000001</v>
      </c>
      <c r="G168" s="7">
        <v>0.1</v>
      </c>
      <c r="H168" s="7">
        <v>305110.86</v>
      </c>
      <c r="I168" s="7">
        <v>3130882.79</v>
      </c>
      <c r="J168" s="7">
        <v>15004968.140000001</v>
      </c>
      <c r="K168" s="7">
        <v>0.1</v>
      </c>
      <c r="L168" s="7">
        <v>305110.86</v>
      </c>
      <c r="M168" s="7">
        <v>0</v>
      </c>
    </row>
    <row r="169" spans="1:13" x14ac:dyDescent="0.25">
      <c r="A169" s="2" t="s">
        <v>330</v>
      </c>
      <c r="B169" s="4" t="s">
        <v>746</v>
      </c>
      <c r="C169" s="7">
        <v>50000</v>
      </c>
      <c r="D169" s="7">
        <v>0</v>
      </c>
      <c r="E169" s="7">
        <v>0</v>
      </c>
      <c r="F169" s="7">
        <v>0</v>
      </c>
      <c r="G169" s="7">
        <v>0</v>
      </c>
      <c r="H169" s="7">
        <v>0</v>
      </c>
      <c r="I169" s="7">
        <v>0</v>
      </c>
      <c r="J169" s="7">
        <v>0</v>
      </c>
      <c r="K169" s="7">
        <v>0</v>
      </c>
      <c r="L169" s="7">
        <v>0</v>
      </c>
      <c r="M169" s="7">
        <v>0</v>
      </c>
    </row>
    <row r="170" spans="1:13" x14ac:dyDescent="0.25">
      <c r="A170" s="2" t="s">
        <v>331</v>
      </c>
      <c r="B170" s="4" t="s">
        <v>751</v>
      </c>
      <c r="C170" s="7">
        <v>30520000</v>
      </c>
      <c r="D170" s="7">
        <v>29006844.260000002</v>
      </c>
      <c r="E170" s="7">
        <v>6708475.7400000002</v>
      </c>
      <c r="F170" s="7">
        <v>29005826.140000001</v>
      </c>
      <c r="G170" s="7">
        <v>0.19</v>
      </c>
      <c r="H170" s="7">
        <v>1018.12</v>
      </c>
      <c r="I170" s="7">
        <v>6708475.7400000002</v>
      </c>
      <c r="J170" s="7">
        <v>29005826.140000001</v>
      </c>
      <c r="K170" s="7">
        <v>0.19</v>
      </c>
      <c r="L170" s="7">
        <v>1018.12</v>
      </c>
      <c r="M170" s="7">
        <v>0</v>
      </c>
    </row>
    <row r="171" spans="1:13" x14ac:dyDescent="0.25">
      <c r="A171" s="3" t="s">
        <v>332</v>
      </c>
      <c r="B171" s="5" t="s">
        <v>752</v>
      </c>
      <c r="C171" s="6">
        <v>184977600</v>
      </c>
      <c r="D171" s="6">
        <v>229413878.65000001</v>
      </c>
      <c r="E171" s="6">
        <v>64835798.060000002</v>
      </c>
      <c r="F171" s="6">
        <v>216285092.36000001</v>
      </c>
      <c r="G171" s="6">
        <v>1.41</v>
      </c>
      <c r="H171" s="6">
        <v>13128786.289999999</v>
      </c>
      <c r="I171" s="6">
        <v>64860226.93</v>
      </c>
      <c r="J171" s="6">
        <v>216285092.36000001</v>
      </c>
      <c r="K171" s="6">
        <v>1.43</v>
      </c>
      <c r="L171" s="6">
        <v>13128786.289999999</v>
      </c>
      <c r="M171" s="6">
        <v>0</v>
      </c>
    </row>
    <row r="172" spans="1:13" x14ac:dyDescent="0.25">
      <c r="A172" s="2" t="s">
        <v>333</v>
      </c>
      <c r="B172" s="4" t="s">
        <v>744</v>
      </c>
      <c r="C172" s="7">
        <v>180739600</v>
      </c>
      <c r="D172" s="7">
        <v>226196790.75</v>
      </c>
      <c r="E172" s="7">
        <v>64161233.149999999</v>
      </c>
      <c r="F172" s="7">
        <v>213332456.02000001</v>
      </c>
      <c r="G172" s="7">
        <v>1.39</v>
      </c>
      <c r="H172" s="7">
        <v>12864334.73</v>
      </c>
      <c r="I172" s="7">
        <v>64182435.43</v>
      </c>
      <c r="J172" s="7">
        <v>213332456.02000001</v>
      </c>
      <c r="K172" s="7">
        <v>1.41</v>
      </c>
      <c r="L172" s="7">
        <v>12864334.73</v>
      </c>
      <c r="M172" s="7">
        <v>0</v>
      </c>
    </row>
    <row r="173" spans="1:13" x14ac:dyDescent="0.25">
      <c r="A173" s="2" t="s">
        <v>334</v>
      </c>
      <c r="B173" s="4" t="s">
        <v>753</v>
      </c>
      <c r="C173" s="7">
        <v>0</v>
      </c>
      <c r="D173" s="7">
        <v>0</v>
      </c>
      <c r="E173" s="7">
        <v>0</v>
      </c>
      <c r="F173" s="7">
        <v>0</v>
      </c>
      <c r="G173" s="7">
        <v>0</v>
      </c>
      <c r="H173" s="7">
        <v>0</v>
      </c>
      <c r="I173" s="7">
        <v>0</v>
      </c>
      <c r="J173" s="7">
        <v>0</v>
      </c>
      <c r="K173" s="7">
        <v>0</v>
      </c>
      <c r="L173" s="7">
        <v>0</v>
      </c>
      <c r="M173" s="7">
        <v>0</v>
      </c>
    </row>
    <row r="174" spans="1:13" x14ac:dyDescent="0.25">
      <c r="A174" s="2" t="s">
        <v>335</v>
      </c>
      <c r="B174" s="4" t="s">
        <v>754</v>
      </c>
      <c r="C174" s="7">
        <v>4238000</v>
      </c>
      <c r="D174" s="7">
        <v>3094521.9</v>
      </c>
      <c r="E174" s="7">
        <v>655107.73</v>
      </c>
      <c r="F174" s="7">
        <v>2839871.76</v>
      </c>
      <c r="G174" s="7">
        <v>0.02</v>
      </c>
      <c r="H174" s="7">
        <v>254650.14</v>
      </c>
      <c r="I174" s="7">
        <v>655107.73</v>
      </c>
      <c r="J174" s="7">
        <v>2839871.76</v>
      </c>
      <c r="K174" s="7">
        <v>0.02</v>
      </c>
      <c r="L174" s="7">
        <v>254650.14</v>
      </c>
      <c r="M174" s="7">
        <v>0</v>
      </c>
    </row>
    <row r="175" spans="1:13" x14ac:dyDescent="0.25">
      <c r="A175" s="2" t="s">
        <v>336</v>
      </c>
      <c r="B175" s="4" t="s">
        <v>756</v>
      </c>
      <c r="C175" s="7">
        <v>0</v>
      </c>
      <c r="D175" s="7">
        <v>122566</v>
      </c>
      <c r="E175" s="7">
        <v>19457.18</v>
      </c>
      <c r="F175" s="7">
        <v>112764.58</v>
      </c>
      <c r="G175" s="7">
        <v>0</v>
      </c>
      <c r="H175" s="7">
        <v>9801.42</v>
      </c>
      <c r="I175" s="7">
        <v>22683.77</v>
      </c>
      <c r="J175" s="7">
        <v>112764.58</v>
      </c>
      <c r="K175" s="7">
        <v>0</v>
      </c>
      <c r="L175" s="7">
        <v>9801.42</v>
      </c>
      <c r="M175" s="7">
        <v>0</v>
      </c>
    </row>
    <row r="176" spans="1:13" x14ac:dyDescent="0.25">
      <c r="A176" s="3" t="s">
        <v>338</v>
      </c>
      <c r="B176" s="5" t="s">
        <v>758</v>
      </c>
      <c r="C176" s="6">
        <v>287670600</v>
      </c>
      <c r="D176" s="6">
        <v>295320258.75</v>
      </c>
      <c r="E176" s="6">
        <v>51505445.350000001</v>
      </c>
      <c r="F176" s="6">
        <v>288103335.76999998</v>
      </c>
      <c r="G176" s="6">
        <v>1.88</v>
      </c>
      <c r="H176" s="6">
        <v>7216922.9800000004</v>
      </c>
      <c r="I176" s="6">
        <v>51505446.950000003</v>
      </c>
      <c r="J176" s="6">
        <v>288103335.76999998</v>
      </c>
      <c r="K176" s="6">
        <v>1.91</v>
      </c>
      <c r="L176" s="6">
        <v>7216922.9800000004</v>
      </c>
      <c r="M176" s="6">
        <v>0</v>
      </c>
    </row>
    <row r="177" spans="1:13" x14ac:dyDescent="0.25">
      <c r="A177" s="2" t="s">
        <v>340</v>
      </c>
      <c r="B177" s="4" t="s">
        <v>744</v>
      </c>
      <c r="C177" s="7">
        <v>287670600</v>
      </c>
      <c r="D177" s="7">
        <v>295320258.75</v>
      </c>
      <c r="E177" s="7">
        <v>51505445.350000001</v>
      </c>
      <c r="F177" s="7">
        <v>288103335.76999998</v>
      </c>
      <c r="G177" s="7">
        <v>1.88</v>
      </c>
      <c r="H177" s="7">
        <v>7216922.9800000004</v>
      </c>
      <c r="I177" s="7">
        <v>51505446.950000003</v>
      </c>
      <c r="J177" s="7">
        <v>288103335.76999998</v>
      </c>
      <c r="K177" s="7">
        <v>1.91</v>
      </c>
      <c r="L177" s="7">
        <v>7216922.9800000004</v>
      </c>
      <c r="M177" s="7">
        <v>0</v>
      </c>
    </row>
    <row r="178" spans="1:13" x14ac:dyDescent="0.25">
      <c r="A178" s="2" t="s">
        <v>342</v>
      </c>
      <c r="B178" s="4" t="s">
        <v>759</v>
      </c>
      <c r="C178" s="7">
        <v>0</v>
      </c>
      <c r="D178" s="7">
        <v>0</v>
      </c>
      <c r="E178" s="7">
        <v>0</v>
      </c>
      <c r="F178" s="7">
        <v>0</v>
      </c>
      <c r="G178" s="7">
        <v>0</v>
      </c>
      <c r="H178" s="7">
        <v>0</v>
      </c>
      <c r="I178" s="7">
        <v>0</v>
      </c>
      <c r="J178" s="7">
        <v>0</v>
      </c>
      <c r="K178" s="7">
        <v>0</v>
      </c>
      <c r="L178" s="7">
        <v>0</v>
      </c>
      <c r="M178" s="7">
        <v>0</v>
      </c>
    </row>
    <row r="179" spans="1:13" x14ac:dyDescent="0.25">
      <c r="A179" s="3" t="s">
        <v>344</v>
      </c>
      <c r="B179" s="5" t="s">
        <v>764</v>
      </c>
      <c r="C179" s="6">
        <v>8905000</v>
      </c>
      <c r="D179" s="6">
        <v>10610000</v>
      </c>
      <c r="E179" s="6">
        <v>1683585.49</v>
      </c>
      <c r="F179" s="6">
        <v>9055603.3599999994</v>
      </c>
      <c r="G179" s="6">
        <v>0.06</v>
      </c>
      <c r="H179" s="6">
        <v>1554396.64</v>
      </c>
      <c r="I179" s="6">
        <v>1699254.15</v>
      </c>
      <c r="J179" s="6">
        <v>9055603.3599999994</v>
      </c>
      <c r="K179" s="6">
        <v>0.06</v>
      </c>
      <c r="L179" s="6">
        <v>1554396.64</v>
      </c>
      <c r="M179" s="6">
        <v>0</v>
      </c>
    </row>
    <row r="180" spans="1:13" x14ac:dyDescent="0.25">
      <c r="A180" s="2" t="s">
        <v>347</v>
      </c>
      <c r="B180" s="4" t="s">
        <v>744</v>
      </c>
      <c r="C180" s="7">
        <v>8905000</v>
      </c>
      <c r="D180" s="7">
        <v>10610000</v>
      </c>
      <c r="E180" s="7">
        <v>1683585.49</v>
      </c>
      <c r="F180" s="7">
        <v>9055603.3599999994</v>
      </c>
      <c r="G180" s="7">
        <v>0.06</v>
      </c>
      <c r="H180" s="7">
        <v>1554396.64</v>
      </c>
      <c r="I180" s="7">
        <v>1699254.15</v>
      </c>
      <c r="J180" s="7">
        <v>9055603.3599999994</v>
      </c>
      <c r="K180" s="7">
        <v>0.06</v>
      </c>
      <c r="L180" s="7">
        <v>1554396.64</v>
      </c>
      <c r="M180" s="7">
        <v>0</v>
      </c>
    </row>
    <row r="181" spans="1:13" x14ac:dyDescent="0.25">
      <c r="A181" s="2" t="s">
        <v>349</v>
      </c>
      <c r="B181" s="4" t="s">
        <v>766</v>
      </c>
      <c r="C181" s="7">
        <v>0</v>
      </c>
      <c r="D181" s="7">
        <v>0</v>
      </c>
      <c r="E181" s="7">
        <v>0</v>
      </c>
      <c r="F181" s="7">
        <v>0</v>
      </c>
      <c r="G181" s="7">
        <v>0</v>
      </c>
      <c r="H181" s="7">
        <v>0</v>
      </c>
      <c r="I181" s="7">
        <v>0</v>
      </c>
      <c r="J181" s="7">
        <v>0</v>
      </c>
      <c r="K181" s="7">
        <v>0</v>
      </c>
      <c r="L181" s="7">
        <v>0</v>
      </c>
      <c r="M181" s="7">
        <v>0</v>
      </c>
    </row>
    <row r="182" spans="1:13" x14ac:dyDescent="0.25">
      <c r="A182" s="3" t="s">
        <v>351</v>
      </c>
      <c r="B182" s="5" t="s">
        <v>769</v>
      </c>
      <c r="C182" s="6">
        <v>0</v>
      </c>
      <c r="D182" s="6">
        <v>0</v>
      </c>
      <c r="E182" s="6">
        <v>0</v>
      </c>
      <c r="F182" s="6">
        <v>0</v>
      </c>
      <c r="G182" s="6">
        <v>0</v>
      </c>
      <c r="H182" s="6">
        <v>0</v>
      </c>
      <c r="I182" s="6">
        <v>0</v>
      </c>
      <c r="J182" s="6">
        <v>0</v>
      </c>
      <c r="K182" s="6">
        <v>0</v>
      </c>
      <c r="L182" s="6">
        <v>0</v>
      </c>
      <c r="M182" s="6">
        <v>0</v>
      </c>
    </row>
    <row r="183" spans="1:13" x14ac:dyDescent="0.25">
      <c r="A183" s="2" t="s">
        <v>353</v>
      </c>
      <c r="B183" s="4" t="s">
        <v>756</v>
      </c>
      <c r="C183" s="7">
        <v>0</v>
      </c>
      <c r="D183" s="7">
        <v>0</v>
      </c>
      <c r="E183" s="7">
        <v>0</v>
      </c>
      <c r="F183" s="7">
        <v>0</v>
      </c>
      <c r="G183" s="7">
        <v>0</v>
      </c>
      <c r="H183" s="7">
        <v>0</v>
      </c>
      <c r="I183" s="7">
        <v>0</v>
      </c>
      <c r="J183" s="7">
        <v>0</v>
      </c>
      <c r="K183" s="7">
        <v>0</v>
      </c>
      <c r="L183" s="7">
        <v>0</v>
      </c>
      <c r="M183" s="7">
        <v>0</v>
      </c>
    </row>
    <row r="184" spans="1:13" x14ac:dyDescent="0.25">
      <c r="A184" s="3" t="s">
        <v>355</v>
      </c>
      <c r="B184" s="5" t="s">
        <v>770</v>
      </c>
      <c r="C184" s="6">
        <v>0</v>
      </c>
      <c r="D184" s="6">
        <v>86284573.280000001</v>
      </c>
      <c r="E184" s="6">
        <v>19470461.809999999</v>
      </c>
      <c r="F184" s="6">
        <v>86228396.219999999</v>
      </c>
      <c r="G184" s="6">
        <v>0.56000000000000005</v>
      </c>
      <c r="H184" s="6">
        <v>56177.06</v>
      </c>
      <c r="I184" s="6">
        <v>19479927.289999999</v>
      </c>
      <c r="J184" s="6">
        <v>86228396.219999999</v>
      </c>
      <c r="K184" s="6">
        <v>0.56999999999999995</v>
      </c>
      <c r="L184" s="6">
        <v>56177.06</v>
      </c>
      <c r="M184" s="6">
        <v>0</v>
      </c>
    </row>
    <row r="185" spans="1:13" x14ac:dyDescent="0.25">
      <c r="A185" s="2" t="s">
        <v>357</v>
      </c>
      <c r="B185" s="4" t="s">
        <v>744</v>
      </c>
      <c r="C185" s="7">
        <v>0</v>
      </c>
      <c r="D185" s="7">
        <v>43670304.490000002</v>
      </c>
      <c r="E185" s="7">
        <v>10004536.970000001</v>
      </c>
      <c r="F185" s="7">
        <v>43624874.140000001</v>
      </c>
      <c r="G185" s="7">
        <v>0.28000000000000003</v>
      </c>
      <c r="H185" s="7">
        <v>45430.35</v>
      </c>
      <c r="I185" s="7">
        <v>10014002.449999999</v>
      </c>
      <c r="J185" s="7">
        <v>43624874.140000001</v>
      </c>
      <c r="K185" s="7">
        <v>0.28999999999999998</v>
      </c>
      <c r="L185" s="7">
        <v>45430.35</v>
      </c>
      <c r="M185" s="7">
        <v>0</v>
      </c>
    </row>
    <row r="186" spans="1:13" x14ac:dyDescent="0.25">
      <c r="A186" s="2" t="s">
        <v>359</v>
      </c>
      <c r="B186" s="4" t="s">
        <v>772</v>
      </c>
      <c r="C186" s="7">
        <v>0</v>
      </c>
      <c r="D186" s="7">
        <v>42564268.789999999</v>
      </c>
      <c r="E186" s="7">
        <v>9465924.8399999999</v>
      </c>
      <c r="F186" s="7">
        <v>42563010.079999998</v>
      </c>
      <c r="G186" s="7">
        <v>0.28000000000000003</v>
      </c>
      <c r="H186" s="7">
        <v>1258.71</v>
      </c>
      <c r="I186" s="7">
        <v>9465924.8399999999</v>
      </c>
      <c r="J186" s="7">
        <v>42563010.079999998</v>
      </c>
      <c r="K186" s="7">
        <v>0.28000000000000003</v>
      </c>
      <c r="L186" s="7">
        <v>1258.71</v>
      </c>
      <c r="M186" s="7">
        <v>0</v>
      </c>
    </row>
    <row r="187" spans="1:13" x14ac:dyDescent="0.25">
      <c r="A187" s="2" t="s">
        <v>361</v>
      </c>
      <c r="B187" s="4" t="s">
        <v>775</v>
      </c>
      <c r="C187" s="7">
        <v>0</v>
      </c>
      <c r="D187" s="7">
        <v>50000</v>
      </c>
      <c r="E187" s="7">
        <v>0</v>
      </c>
      <c r="F187" s="7">
        <v>40512</v>
      </c>
      <c r="G187" s="7">
        <v>0</v>
      </c>
      <c r="H187" s="7">
        <v>9488</v>
      </c>
      <c r="I187" s="7">
        <v>0</v>
      </c>
      <c r="J187" s="7">
        <v>40512</v>
      </c>
      <c r="K187" s="7">
        <v>0</v>
      </c>
      <c r="L187" s="7">
        <v>9488</v>
      </c>
      <c r="M187" s="7">
        <v>0</v>
      </c>
    </row>
    <row r="188" spans="1:13" x14ac:dyDescent="0.25">
      <c r="A188" s="2" t="s">
        <v>363</v>
      </c>
      <c r="B188" s="4" t="s">
        <v>751</v>
      </c>
      <c r="C188" s="7">
        <v>0</v>
      </c>
      <c r="D188" s="7">
        <v>0</v>
      </c>
      <c r="E188" s="7">
        <v>0</v>
      </c>
      <c r="F188" s="7">
        <v>0</v>
      </c>
      <c r="G188" s="7">
        <v>0</v>
      </c>
      <c r="H188" s="7">
        <v>0</v>
      </c>
      <c r="I188" s="7">
        <v>0</v>
      </c>
      <c r="J188" s="7">
        <v>0</v>
      </c>
      <c r="K188" s="7">
        <v>0</v>
      </c>
      <c r="L188" s="7">
        <v>0</v>
      </c>
      <c r="M188" s="7">
        <v>0</v>
      </c>
    </row>
    <row r="189" spans="1:13" x14ac:dyDescent="0.25">
      <c r="A189" s="3" t="s">
        <v>365</v>
      </c>
      <c r="B189" s="5" t="s">
        <v>780</v>
      </c>
      <c r="C189" s="6">
        <v>267800</v>
      </c>
      <c r="D189" s="6">
        <v>2434254.39</v>
      </c>
      <c r="E189" s="6">
        <v>367264.01</v>
      </c>
      <c r="F189" s="6">
        <v>2395856.04</v>
      </c>
      <c r="G189" s="6">
        <v>0.02</v>
      </c>
      <c r="H189" s="6">
        <v>38398.35</v>
      </c>
      <c r="I189" s="6">
        <v>367408.85</v>
      </c>
      <c r="J189" s="6">
        <v>2395856.04</v>
      </c>
      <c r="K189" s="6">
        <v>0.02</v>
      </c>
      <c r="L189" s="6">
        <v>38398.35</v>
      </c>
      <c r="M189" s="6">
        <v>0</v>
      </c>
    </row>
    <row r="190" spans="1:13" x14ac:dyDescent="0.25">
      <c r="A190" s="2" t="s">
        <v>841</v>
      </c>
      <c r="B190" s="4" t="s">
        <v>744</v>
      </c>
      <c r="C190" s="7">
        <v>267800</v>
      </c>
      <c r="D190" s="7">
        <v>2434254.39</v>
      </c>
      <c r="E190" s="7">
        <v>367264.01</v>
      </c>
      <c r="F190" s="7">
        <v>2395856.04</v>
      </c>
      <c r="G190" s="7">
        <v>0.02</v>
      </c>
      <c r="H190" s="7">
        <v>38398.35</v>
      </c>
      <c r="I190" s="7">
        <v>367408.85</v>
      </c>
      <c r="J190" s="7">
        <v>2395856.04</v>
      </c>
      <c r="K190" s="7">
        <v>0.02</v>
      </c>
      <c r="L190" s="7">
        <v>38398.35</v>
      </c>
      <c r="M190" s="7">
        <v>0</v>
      </c>
    </row>
    <row r="191" spans="1:13" x14ac:dyDescent="0.25">
      <c r="A191" s="3" t="s">
        <v>842</v>
      </c>
      <c r="B191" s="5" t="s">
        <v>782</v>
      </c>
      <c r="C191" s="6">
        <v>351736900</v>
      </c>
      <c r="D191" s="6">
        <v>771285797.16999996</v>
      </c>
      <c r="E191" s="6">
        <v>180740926.59</v>
      </c>
      <c r="F191" s="6">
        <v>767939409.66999996</v>
      </c>
      <c r="G191" s="6">
        <v>5</v>
      </c>
      <c r="H191" s="6">
        <v>3346387.5</v>
      </c>
      <c r="I191" s="6">
        <v>180746288.81999999</v>
      </c>
      <c r="J191" s="6">
        <v>767939409.66999996</v>
      </c>
      <c r="K191" s="6">
        <v>5.09</v>
      </c>
      <c r="L191" s="6">
        <v>3346387.5</v>
      </c>
      <c r="M191" s="6">
        <v>0</v>
      </c>
    </row>
    <row r="192" spans="1:13" x14ac:dyDescent="0.25">
      <c r="A192" s="2" t="s">
        <v>843</v>
      </c>
      <c r="B192" s="4" t="s">
        <v>744</v>
      </c>
      <c r="C192" s="7">
        <v>351736900</v>
      </c>
      <c r="D192" s="7">
        <v>771285797.16999996</v>
      </c>
      <c r="E192" s="7">
        <v>180740926.59</v>
      </c>
      <c r="F192" s="7">
        <v>767939409.66999996</v>
      </c>
      <c r="G192" s="7">
        <v>5</v>
      </c>
      <c r="H192" s="7">
        <v>3346387.5</v>
      </c>
      <c r="I192" s="7">
        <v>180746288.81999999</v>
      </c>
      <c r="J192" s="7">
        <v>767939409.66999996</v>
      </c>
      <c r="K192" s="7">
        <v>5.09</v>
      </c>
      <c r="L192" s="7">
        <v>3346387.5</v>
      </c>
      <c r="M192" s="7">
        <v>0</v>
      </c>
    </row>
    <row r="193" spans="1:13" x14ac:dyDescent="0.25">
      <c r="A193" s="3" t="s">
        <v>844</v>
      </c>
      <c r="B193" s="5" t="s">
        <v>789</v>
      </c>
      <c r="C193" s="6">
        <v>3430900</v>
      </c>
      <c r="D193" s="6">
        <v>3624846.23</v>
      </c>
      <c r="E193" s="6">
        <v>618350.04</v>
      </c>
      <c r="F193" s="6">
        <v>3467178.64</v>
      </c>
      <c r="G193" s="6">
        <v>0.02</v>
      </c>
      <c r="H193" s="6">
        <v>157667.59</v>
      </c>
      <c r="I193" s="6">
        <v>618350.04</v>
      </c>
      <c r="J193" s="6">
        <v>3467178.64</v>
      </c>
      <c r="K193" s="6">
        <v>0.02</v>
      </c>
      <c r="L193" s="6">
        <v>157667.59</v>
      </c>
      <c r="M193" s="6">
        <v>0</v>
      </c>
    </row>
    <row r="194" spans="1:13" x14ac:dyDescent="0.25">
      <c r="A194" s="2" t="s">
        <v>845</v>
      </c>
      <c r="B194" s="4" t="s">
        <v>744</v>
      </c>
      <c r="C194" s="7">
        <v>3430900</v>
      </c>
      <c r="D194" s="7">
        <v>3624846.23</v>
      </c>
      <c r="E194" s="7">
        <v>618350.04</v>
      </c>
      <c r="F194" s="7">
        <v>3467178.64</v>
      </c>
      <c r="G194" s="7">
        <v>0.02</v>
      </c>
      <c r="H194" s="7">
        <v>157667.59</v>
      </c>
      <c r="I194" s="7">
        <v>618350.04</v>
      </c>
      <c r="J194" s="7">
        <v>3467178.64</v>
      </c>
      <c r="K194" s="7">
        <v>0.02</v>
      </c>
      <c r="L194" s="7">
        <v>157667.59</v>
      </c>
      <c r="M194" s="7">
        <v>0</v>
      </c>
    </row>
    <row r="195" spans="1:13" x14ac:dyDescent="0.25">
      <c r="A195" s="3" t="s">
        <v>846</v>
      </c>
      <c r="B195" s="5" t="s">
        <v>792</v>
      </c>
      <c r="C195" s="6">
        <v>27725500</v>
      </c>
      <c r="D195" s="6">
        <v>43062962.25</v>
      </c>
      <c r="E195" s="6">
        <v>6192560.4699999997</v>
      </c>
      <c r="F195" s="6">
        <v>39758420.68</v>
      </c>
      <c r="G195" s="6">
        <v>0.26</v>
      </c>
      <c r="H195" s="6">
        <v>3304541.57</v>
      </c>
      <c r="I195" s="6">
        <v>6912560.4699999997</v>
      </c>
      <c r="J195" s="6">
        <v>39758420.68</v>
      </c>
      <c r="K195" s="6">
        <v>0.26</v>
      </c>
      <c r="L195" s="6">
        <v>3304541.57</v>
      </c>
      <c r="M195" s="6">
        <v>0</v>
      </c>
    </row>
    <row r="196" spans="1:13" x14ac:dyDescent="0.25">
      <c r="A196" s="2" t="s">
        <v>847</v>
      </c>
      <c r="B196" s="4" t="s">
        <v>755</v>
      </c>
      <c r="C196" s="7">
        <v>0</v>
      </c>
      <c r="D196" s="7">
        <v>0</v>
      </c>
      <c r="E196" s="7">
        <v>0</v>
      </c>
      <c r="F196" s="7">
        <v>0</v>
      </c>
      <c r="G196" s="7">
        <v>0</v>
      </c>
      <c r="H196" s="7">
        <v>0</v>
      </c>
      <c r="I196" s="7">
        <v>0</v>
      </c>
      <c r="J196" s="7">
        <v>0</v>
      </c>
      <c r="K196" s="7">
        <v>0</v>
      </c>
      <c r="L196" s="7">
        <v>0</v>
      </c>
      <c r="M196" s="7">
        <v>0</v>
      </c>
    </row>
    <row r="197" spans="1:13" x14ac:dyDescent="0.25">
      <c r="A197" s="2" t="s">
        <v>848</v>
      </c>
      <c r="B197" s="4" t="s">
        <v>763</v>
      </c>
      <c r="C197" s="7">
        <v>27725500</v>
      </c>
      <c r="D197" s="7">
        <v>43062962.25</v>
      </c>
      <c r="E197" s="7">
        <v>6192560.4699999997</v>
      </c>
      <c r="F197" s="7">
        <v>39758420.68</v>
      </c>
      <c r="G197" s="7">
        <v>0.26</v>
      </c>
      <c r="H197" s="7">
        <v>3304541.57</v>
      </c>
      <c r="I197" s="7">
        <v>6912560.4699999997</v>
      </c>
      <c r="J197" s="7">
        <v>39758420.68</v>
      </c>
      <c r="K197" s="7">
        <v>0.26</v>
      </c>
      <c r="L197" s="7">
        <v>3304541.57</v>
      </c>
      <c r="M197" s="7">
        <v>0</v>
      </c>
    </row>
    <row r="198" spans="1:13" x14ac:dyDescent="0.25">
      <c r="A198" s="3" t="s">
        <v>849</v>
      </c>
      <c r="B198" s="5" t="s">
        <v>796</v>
      </c>
      <c r="C198" s="6">
        <v>1296800</v>
      </c>
      <c r="D198" s="6">
        <v>1321800</v>
      </c>
      <c r="E198" s="6">
        <v>273701.67</v>
      </c>
      <c r="F198" s="6">
        <v>1282484.1499999999</v>
      </c>
      <c r="G198" s="6">
        <v>0.01</v>
      </c>
      <c r="H198" s="6">
        <v>39315.85</v>
      </c>
      <c r="I198" s="6">
        <v>273701.67</v>
      </c>
      <c r="J198" s="6">
        <v>1282484.1499999999</v>
      </c>
      <c r="K198" s="6">
        <v>0.01</v>
      </c>
      <c r="L198" s="6">
        <v>39315.85</v>
      </c>
      <c r="M198" s="6">
        <v>0</v>
      </c>
    </row>
    <row r="199" spans="1:13" x14ac:dyDescent="0.25">
      <c r="A199" s="2" t="s">
        <v>850</v>
      </c>
      <c r="B199" s="4" t="s">
        <v>744</v>
      </c>
      <c r="C199" s="7">
        <v>1296800</v>
      </c>
      <c r="D199" s="7">
        <v>1321800</v>
      </c>
      <c r="E199" s="7">
        <v>273701.67</v>
      </c>
      <c r="F199" s="7">
        <v>1282484.1499999999</v>
      </c>
      <c r="G199" s="7">
        <v>0.01</v>
      </c>
      <c r="H199" s="7">
        <v>39315.85</v>
      </c>
      <c r="I199" s="7">
        <v>273701.67</v>
      </c>
      <c r="J199" s="7">
        <v>1282484.1499999999</v>
      </c>
      <c r="K199" s="7">
        <v>0.01</v>
      </c>
      <c r="L199" s="7">
        <v>39315.85</v>
      </c>
      <c r="M199" s="7">
        <v>0</v>
      </c>
    </row>
    <row r="200" spans="1:13" x14ac:dyDescent="0.25">
      <c r="A200" s="3" t="s">
        <v>851</v>
      </c>
      <c r="B200" s="5" t="s">
        <v>800</v>
      </c>
      <c r="C200" s="6">
        <v>4061000</v>
      </c>
      <c r="D200" s="6">
        <v>7857419.9699999997</v>
      </c>
      <c r="E200" s="6">
        <v>904330.75</v>
      </c>
      <c r="F200" s="6">
        <v>5911009.3200000003</v>
      </c>
      <c r="G200" s="6">
        <v>0.04</v>
      </c>
      <c r="H200" s="6">
        <v>1946410.65</v>
      </c>
      <c r="I200" s="6">
        <v>904330.75</v>
      </c>
      <c r="J200" s="6">
        <v>5911009.3200000003</v>
      </c>
      <c r="K200" s="6">
        <v>0.04</v>
      </c>
      <c r="L200" s="6">
        <v>1946410.65</v>
      </c>
      <c r="M200" s="6">
        <v>0</v>
      </c>
    </row>
    <row r="201" spans="1:13" x14ac:dyDescent="0.25">
      <c r="A201" s="2" t="s">
        <v>852</v>
      </c>
      <c r="B201" s="4" t="s">
        <v>744</v>
      </c>
      <c r="C201" s="7">
        <v>4061000</v>
      </c>
      <c r="D201" s="7">
        <v>7857419.9699999997</v>
      </c>
      <c r="E201" s="7">
        <v>904330.75</v>
      </c>
      <c r="F201" s="7">
        <v>5911009.3200000003</v>
      </c>
      <c r="G201" s="7">
        <v>0.04</v>
      </c>
      <c r="H201" s="7">
        <v>1946410.65</v>
      </c>
      <c r="I201" s="7">
        <v>904330.75</v>
      </c>
      <c r="J201" s="7">
        <v>5911009.3200000003</v>
      </c>
      <c r="K201" s="7">
        <v>0.04</v>
      </c>
      <c r="L201" s="7">
        <v>1946410.65</v>
      </c>
      <c r="M201" s="7">
        <v>0</v>
      </c>
    </row>
    <row r="202" spans="1:13" x14ac:dyDescent="0.25">
      <c r="A202" s="3" t="s">
        <v>853</v>
      </c>
      <c r="B202" s="5" t="s">
        <v>807</v>
      </c>
      <c r="C202" s="6">
        <v>37994900</v>
      </c>
      <c r="D202" s="6">
        <v>41372729.399999999</v>
      </c>
      <c r="E202" s="6">
        <v>8837793.8200000003</v>
      </c>
      <c r="F202" s="6">
        <v>41277885.399999999</v>
      </c>
      <c r="G202" s="6">
        <v>0.27</v>
      </c>
      <c r="H202" s="6">
        <v>94844</v>
      </c>
      <c r="I202" s="6">
        <v>8837794.7200000007</v>
      </c>
      <c r="J202" s="6">
        <v>41277885.399999999</v>
      </c>
      <c r="K202" s="6">
        <v>0.27</v>
      </c>
      <c r="L202" s="6">
        <v>94844</v>
      </c>
      <c r="M202" s="6">
        <v>0</v>
      </c>
    </row>
    <row r="203" spans="1:13" x14ac:dyDescent="0.25">
      <c r="A203" s="2" t="s">
        <v>854</v>
      </c>
      <c r="B203" s="4" t="s">
        <v>744</v>
      </c>
      <c r="C203" s="7">
        <v>37994900</v>
      </c>
      <c r="D203" s="7">
        <v>41372729.399999999</v>
      </c>
      <c r="E203" s="7">
        <v>8837793.8200000003</v>
      </c>
      <c r="F203" s="7">
        <v>41277885.399999999</v>
      </c>
      <c r="G203" s="7">
        <v>0.27</v>
      </c>
      <c r="H203" s="7">
        <v>94844</v>
      </c>
      <c r="I203" s="7">
        <v>8837794.7200000007</v>
      </c>
      <c r="J203" s="7">
        <v>41277885.399999999</v>
      </c>
      <c r="K203" s="7">
        <v>0.27</v>
      </c>
      <c r="L203" s="7">
        <v>94844</v>
      </c>
      <c r="M203" s="7">
        <v>0</v>
      </c>
    </row>
    <row r="204" spans="1:13" x14ac:dyDescent="0.25">
      <c r="A204" s="3" t="s">
        <v>855</v>
      </c>
      <c r="B204" s="5" t="s">
        <v>814</v>
      </c>
      <c r="C204" s="6">
        <v>0</v>
      </c>
      <c r="D204" s="6">
        <v>166593621</v>
      </c>
      <c r="E204" s="6">
        <v>24349787.379999999</v>
      </c>
      <c r="F204" s="6">
        <v>166586999.84</v>
      </c>
      <c r="G204" s="6">
        <v>1.08</v>
      </c>
      <c r="H204" s="6">
        <v>6621.16</v>
      </c>
      <c r="I204" s="6">
        <v>24349787.379999999</v>
      </c>
      <c r="J204" s="6">
        <v>166586999.84</v>
      </c>
      <c r="K204" s="6">
        <v>1.1000000000000001</v>
      </c>
      <c r="L204" s="6">
        <v>6621.16</v>
      </c>
      <c r="M204" s="6">
        <v>0</v>
      </c>
    </row>
    <row r="205" spans="1:13" x14ac:dyDescent="0.25">
      <c r="A205" s="2" t="s">
        <v>856</v>
      </c>
      <c r="B205" s="4" t="s">
        <v>815</v>
      </c>
      <c r="C205" s="7">
        <v>0</v>
      </c>
      <c r="D205" s="7">
        <v>166593621</v>
      </c>
      <c r="E205" s="7">
        <v>24349787.379999999</v>
      </c>
      <c r="F205" s="7">
        <v>166586999.84</v>
      </c>
      <c r="G205" s="7">
        <v>1.08</v>
      </c>
      <c r="H205" s="7">
        <v>6621.16</v>
      </c>
      <c r="I205" s="7">
        <v>24349787.379999999</v>
      </c>
      <c r="J205" s="7">
        <v>166586999.84</v>
      </c>
      <c r="K205" s="7">
        <v>1.1000000000000001</v>
      </c>
      <c r="L205" s="7">
        <v>6621.16</v>
      </c>
      <c r="M205" s="7">
        <v>0</v>
      </c>
    </row>
    <row r="206" spans="1:13" x14ac:dyDescent="0.25">
      <c r="A206" s="3" t="s">
        <v>857</v>
      </c>
      <c r="B206" s="5" t="s">
        <v>816</v>
      </c>
      <c r="C206" s="6">
        <v>3143200</v>
      </c>
      <c r="D206" s="6">
        <v>4268801</v>
      </c>
      <c r="E206" s="6">
        <v>626571.49</v>
      </c>
      <c r="F206" s="6">
        <v>4009266.51</v>
      </c>
      <c r="G206" s="6">
        <v>0.03</v>
      </c>
      <c r="H206" s="6">
        <v>259534.49</v>
      </c>
      <c r="I206" s="6">
        <v>765485.51</v>
      </c>
      <c r="J206" s="6">
        <v>4009266.51</v>
      </c>
      <c r="K206" s="6">
        <v>0.03</v>
      </c>
      <c r="L206" s="6">
        <v>259534.49</v>
      </c>
      <c r="M206" s="6">
        <v>0</v>
      </c>
    </row>
    <row r="207" spans="1:13" x14ac:dyDescent="0.25">
      <c r="A207" s="2" t="s">
        <v>858</v>
      </c>
      <c r="B207" s="4" t="s">
        <v>817</v>
      </c>
      <c r="C207" s="7">
        <v>1583200</v>
      </c>
      <c r="D207" s="7">
        <v>1582200</v>
      </c>
      <c r="E207" s="7">
        <v>348580.74</v>
      </c>
      <c r="F207" s="7">
        <v>1501771.24</v>
      </c>
      <c r="G207" s="7">
        <v>0.01</v>
      </c>
      <c r="H207" s="7">
        <v>80428.759999999995</v>
      </c>
      <c r="I207" s="7">
        <v>348580.74</v>
      </c>
      <c r="J207" s="7">
        <v>1501771.24</v>
      </c>
      <c r="K207" s="7">
        <v>0.01</v>
      </c>
      <c r="L207" s="7">
        <v>80428.759999999995</v>
      </c>
      <c r="M207" s="7">
        <v>0</v>
      </c>
    </row>
    <row r="208" spans="1:13" x14ac:dyDescent="0.25">
      <c r="A208" s="2" t="s">
        <v>859</v>
      </c>
      <c r="B208" s="4" t="s">
        <v>819</v>
      </c>
      <c r="C208" s="7">
        <v>1560000</v>
      </c>
      <c r="D208" s="7">
        <v>2686601</v>
      </c>
      <c r="E208" s="7">
        <v>277990.75</v>
      </c>
      <c r="F208" s="7">
        <v>2507495.27</v>
      </c>
      <c r="G208" s="7">
        <v>0.02</v>
      </c>
      <c r="H208" s="7">
        <v>179105.73</v>
      </c>
      <c r="I208" s="7">
        <v>416904.77</v>
      </c>
      <c r="J208" s="7">
        <v>2507495.27</v>
      </c>
      <c r="K208" s="7">
        <v>0.02</v>
      </c>
      <c r="L208" s="7">
        <v>179105.73</v>
      </c>
      <c r="M208" s="7">
        <v>0</v>
      </c>
    </row>
    <row r="209" spans="1:13" x14ac:dyDescent="0.25">
      <c r="A209" s="3" t="s">
        <v>860</v>
      </c>
      <c r="B209" s="5" t="s">
        <v>826</v>
      </c>
      <c r="C209" s="6">
        <v>16386000</v>
      </c>
      <c r="D209" s="6">
        <v>39499637.759999998</v>
      </c>
      <c r="E209" s="6">
        <v>8428853.7799999993</v>
      </c>
      <c r="F209" s="6">
        <v>39490028.649999999</v>
      </c>
      <c r="G209" s="6">
        <v>0.26</v>
      </c>
      <c r="H209" s="6">
        <v>9609.11</v>
      </c>
      <c r="I209" s="6">
        <v>8428853.7799999993</v>
      </c>
      <c r="J209" s="6">
        <v>39490028.649999999</v>
      </c>
      <c r="K209" s="6">
        <v>0.26</v>
      </c>
      <c r="L209" s="6">
        <v>9609.11</v>
      </c>
      <c r="M209" s="6">
        <v>0</v>
      </c>
    </row>
    <row r="210" spans="1:13" x14ac:dyDescent="0.25">
      <c r="A210" s="2" t="s">
        <v>861</v>
      </c>
      <c r="B210" s="4" t="s">
        <v>744</v>
      </c>
      <c r="C210" s="7">
        <v>16386000</v>
      </c>
      <c r="D210" s="7">
        <v>39499637.759999998</v>
      </c>
      <c r="E210" s="7">
        <v>8428853.7799999993</v>
      </c>
      <c r="F210" s="7">
        <v>39490028.649999999</v>
      </c>
      <c r="G210" s="7">
        <v>0.26</v>
      </c>
      <c r="H210" s="7">
        <v>9609.11</v>
      </c>
      <c r="I210" s="7">
        <v>8428853.7799999993</v>
      </c>
      <c r="J210" s="7">
        <v>39490028.649999999</v>
      </c>
      <c r="K210" s="7">
        <v>0.26</v>
      </c>
      <c r="L210" s="7">
        <v>9609.11</v>
      </c>
      <c r="M210" s="7">
        <v>0</v>
      </c>
    </row>
    <row r="211" spans="1:13" x14ac:dyDescent="0.25">
      <c r="A211" s="3" t="s">
        <v>862</v>
      </c>
      <c r="B211" s="5" t="s">
        <v>831</v>
      </c>
      <c r="C211" s="6">
        <v>264000</v>
      </c>
      <c r="D211" s="6">
        <v>517778.76</v>
      </c>
      <c r="E211" s="6">
        <v>78308.740000000005</v>
      </c>
      <c r="F211" s="6">
        <v>389721.43</v>
      </c>
      <c r="G211" s="6">
        <v>0</v>
      </c>
      <c r="H211" s="6">
        <v>128057.33</v>
      </c>
      <c r="I211" s="6">
        <v>78709.320000000007</v>
      </c>
      <c r="J211" s="6">
        <v>389721.43</v>
      </c>
      <c r="K211" s="6">
        <v>0</v>
      </c>
      <c r="L211" s="6">
        <v>128057.33</v>
      </c>
      <c r="M211" s="6">
        <v>0</v>
      </c>
    </row>
    <row r="212" spans="1:13" x14ac:dyDescent="0.25">
      <c r="A212" s="2" t="s">
        <v>863</v>
      </c>
      <c r="B212" s="4" t="s">
        <v>832</v>
      </c>
      <c r="C212" s="7">
        <v>0</v>
      </c>
      <c r="D212" s="7">
        <v>0</v>
      </c>
      <c r="E212" s="7">
        <v>0</v>
      </c>
      <c r="F212" s="7">
        <v>0</v>
      </c>
      <c r="G212" s="7">
        <v>0</v>
      </c>
      <c r="H212" s="7">
        <v>0</v>
      </c>
      <c r="I212" s="7">
        <v>0</v>
      </c>
      <c r="J212" s="7">
        <v>0</v>
      </c>
      <c r="K212" s="7">
        <v>0</v>
      </c>
      <c r="L212" s="7">
        <v>0</v>
      </c>
      <c r="M212" s="7">
        <v>0</v>
      </c>
    </row>
    <row r="213" spans="1:13" x14ac:dyDescent="0.25">
      <c r="A213" s="2" t="s">
        <v>864</v>
      </c>
      <c r="B213" s="4" t="s">
        <v>833</v>
      </c>
      <c r="C213" s="7">
        <v>264000</v>
      </c>
      <c r="D213" s="7">
        <v>517778.76</v>
      </c>
      <c r="E213" s="7">
        <v>78308.740000000005</v>
      </c>
      <c r="F213" s="7">
        <v>389721.43</v>
      </c>
      <c r="G213" s="7">
        <v>0</v>
      </c>
      <c r="H213" s="7">
        <v>128057.33</v>
      </c>
      <c r="I213" s="7">
        <v>78709.320000000007</v>
      </c>
      <c r="J213" s="7">
        <v>389721.43</v>
      </c>
      <c r="K213" s="7">
        <v>0</v>
      </c>
      <c r="L213" s="7">
        <v>128057.33</v>
      </c>
      <c r="M213" s="7">
        <v>0</v>
      </c>
    </row>
    <row r="214" spans="1:13" x14ac:dyDescent="0.25">
      <c r="A214" s="3" t="s">
        <v>865</v>
      </c>
      <c r="B214" s="5" t="s">
        <v>834</v>
      </c>
      <c r="C214" s="6">
        <v>5529600</v>
      </c>
      <c r="D214" s="6">
        <v>33749767</v>
      </c>
      <c r="E214" s="6">
        <v>4570895.62</v>
      </c>
      <c r="F214" s="6">
        <v>31582113.640000001</v>
      </c>
      <c r="G214" s="6">
        <v>0.2</v>
      </c>
      <c r="H214" s="6">
        <v>2167653.36</v>
      </c>
      <c r="I214" s="6">
        <v>4570895.62</v>
      </c>
      <c r="J214" s="6">
        <v>31582113.640000001</v>
      </c>
      <c r="K214" s="6">
        <v>0.21</v>
      </c>
      <c r="L214" s="6">
        <v>2167653.36</v>
      </c>
      <c r="M214" s="6">
        <v>0</v>
      </c>
    </row>
    <row r="215" spans="1:13" x14ac:dyDescent="0.25">
      <c r="A215" s="2" t="s">
        <v>866</v>
      </c>
      <c r="B215" s="4" t="s">
        <v>768</v>
      </c>
      <c r="C215" s="7">
        <v>3729600</v>
      </c>
      <c r="D215" s="7">
        <v>5029600</v>
      </c>
      <c r="E215" s="7">
        <v>1111916.57</v>
      </c>
      <c r="F215" s="7">
        <v>4826266.3499999996</v>
      </c>
      <c r="G215" s="7">
        <v>0.03</v>
      </c>
      <c r="H215" s="7">
        <v>203333.65</v>
      </c>
      <c r="I215" s="7">
        <v>1111916.57</v>
      </c>
      <c r="J215" s="7">
        <v>4826266.3499999996</v>
      </c>
      <c r="K215" s="7">
        <v>0.03</v>
      </c>
      <c r="L215" s="7">
        <v>203333.65</v>
      </c>
      <c r="M215" s="7">
        <v>0</v>
      </c>
    </row>
    <row r="216" spans="1:13" x14ac:dyDescent="0.25">
      <c r="A216" s="2" t="s">
        <v>867</v>
      </c>
      <c r="B216" s="4" t="s">
        <v>837</v>
      </c>
      <c r="C216" s="7">
        <v>0</v>
      </c>
      <c r="D216" s="7">
        <v>300000</v>
      </c>
      <c r="E216" s="7">
        <v>0</v>
      </c>
      <c r="F216" s="7">
        <v>0</v>
      </c>
      <c r="G216" s="7">
        <v>0</v>
      </c>
      <c r="H216" s="7">
        <v>300000</v>
      </c>
      <c r="I216" s="7">
        <v>0</v>
      </c>
      <c r="J216" s="7">
        <v>0</v>
      </c>
      <c r="K216" s="7">
        <v>0</v>
      </c>
      <c r="L216" s="7">
        <v>300000</v>
      </c>
      <c r="M216" s="7">
        <v>0</v>
      </c>
    </row>
    <row r="217" spans="1:13" x14ac:dyDescent="0.25">
      <c r="A217" s="2" t="s">
        <v>868</v>
      </c>
      <c r="B217" s="4" t="s">
        <v>741</v>
      </c>
      <c r="C217" s="7">
        <v>1800000</v>
      </c>
      <c r="D217" s="7">
        <v>28420167</v>
      </c>
      <c r="E217" s="7">
        <v>3458979.05</v>
      </c>
      <c r="F217" s="7">
        <v>26755847.289999999</v>
      </c>
      <c r="G217" s="7">
        <v>0.17</v>
      </c>
      <c r="H217" s="7">
        <v>1664319.71</v>
      </c>
      <c r="I217" s="7">
        <v>3458979.05</v>
      </c>
      <c r="J217" s="7">
        <v>26755847.289999999</v>
      </c>
      <c r="K217" s="7">
        <v>0.18</v>
      </c>
      <c r="L217" s="7">
        <v>1664319.71</v>
      </c>
      <c r="M217" s="7">
        <v>0</v>
      </c>
    </row>
    <row r="218" spans="1:13" x14ac:dyDescent="0.25">
      <c r="A218" s="3" t="s">
        <v>869</v>
      </c>
      <c r="B218" s="5" t="s">
        <v>870</v>
      </c>
      <c r="C218" s="6">
        <v>15800400000</v>
      </c>
      <c r="D218" s="6">
        <v>17840192325.490002</v>
      </c>
      <c r="E218" s="6">
        <v>2187207717.04</v>
      </c>
      <c r="F218" s="6">
        <v>15365474321.17</v>
      </c>
      <c r="G218" s="6">
        <v>100.05</v>
      </c>
      <c r="H218" s="6">
        <v>2474718004.3200002</v>
      </c>
      <c r="I218" s="6">
        <v>2926865419.9099998</v>
      </c>
      <c r="J218" s="6">
        <v>15084528062.23</v>
      </c>
      <c r="K218" s="6">
        <v>99.95</v>
      </c>
      <c r="L218" s="6">
        <v>2755664263.2600002</v>
      </c>
      <c r="M218" s="6">
        <v>280946258.94</v>
      </c>
    </row>
  </sheetData>
  <mergeCells count="15">
    <mergeCell ref="A3:M3"/>
    <mergeCell ref="A4:M4"/>
    <mergeCell ref="A5:M5"/>
    <mergeCell ref="A6:M6"/>
    <mergeCell ref="A7:M7"/>
    <mergeCell ref="A9:M9"/>
    <mergeCell ref="A10:A11"/>
    <mergeCell ref="B10:B11"/>
    <mergeCell ref="C10:C11"/>
    <mergeCell ref="D10:D11"/>
    <mergeCell ref="E10:G10"/>
    <mergeCell ref="H10:H11"/>
    <mergeCell ref="I10:K10"/>
    <mergeCell ref="L10:L11"/>
    <mergeCell ref="M10:M11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2"/>
  <sheetViews>
    <sheetView showGridLines="0" workbookViewId="0">
      <selection activeCell="C12" sqref="C12:P42"/>
    </sheetView>
  </sheetViews>
  <sheetFormatPr defaultRowHeight="15" x14ac:dyDescent="0.25"/>
  <cols>
    <col min="2" max="2" width="106.85546875" bestFit="1" customWidth="1"/>
    <col min="3" max="14" width="19" bestFit="1" customWidth="1"/>
    <col min="15" max="16" width="20.140625" bestFit="1" customWidth="1"/>
  </cols>
  <sheetData>
    <row r="3" spans="1:16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  <c r="N3" s="10"/>
      <c r="O3" s="10"/>
      <c r="P3" s="10"/>
    </row>
    <row r="4" spans="1:16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  <c r="O4" s="10"/>
      <c r="P4" s="10"/>
    </row>
    <row r="5" spans="1:16" x14ac:dyDescent="0.25">
      <c r="A5" s="12" t="s">
        <v>871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  <c r="N5" s="10"/>
      <c r="O5" s="10"/>
      <c r="P5" s="10"/>
    </row>
    <row r="6" spans="1:16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  <c r="N6" s="10"/>
      <c r="O6" s="10"/>
      <c r="P6" s="10"/>
    </row>
    <row r="7" spans="1:16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  <c r="N7" s="10"/>
      <c r="O7" s="10"/>
      <c r="P7" s="10"/>
    </row>
    <row r="9" spans="1:16" x14ac:dyDescent="0.25">
      <c r="A9" s="9" t="s">
        <v>5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  <c r="N9" s="10"/>
      <c r="O9" s="10"/>
      <c r="P9" s="10"/>
    </row>
    <row r="10" spans="1:16" x14ac:dyDescent="0.25">
      <c r="A10" s="8" t="s">
        <v>6</v>
      </c>
      <c r="B10" s="8" t="s">
        <v>872</v>
      </c>
      <c r="C10" s="8" t="s">
        <v>873</v>
      </c>
      <c r="D10" s="8" t="s">
        <v>5</v>
      </c>
      <c r="E10" s="8" t="s">
        <v>5</v>
      </c>
      <c r="F10" s="8" t="s">
        <v>5</v>
      </c>
      <c r="G10" s="8" t="s">
        <v>5</v>
      </c>
      <c r="H10" s="8" t="s">
        <v>5</v>
      </c>
      <c r="I10" s="8" t="s">
        <v>5</v>
      </c>
      <c r="J10" s="8" t="s">
        <v>5</v>
      </c>
      <c r="K10" s="8" t="s">
        <v>5</v>
      </c>
      <c r="L10" s="8" t="s">
        <v>5</v>
      </c>
      <c r="M10" s="8" t="s">
        <v>5</v>
      </c>
      <c r="N10" s="8" t="s">
        <v>5</v>
      </c>
      <c r="O10" s="8" t="s">
        <v>886</v>
      </c>
      <c r="P10" s="8" t="s">
        <v>887</v>
      </c>
    </row>
    <row r="11" spans="1:16" ht="21" x14ac:dyDescent="0.25">
      <c r="A11" s="8" t="s">
        <v>5</v>
      </c>
      <c r="B11" s="8" t="s">
        <v>5</v>
      </c>
      <c r="C11" s="1" t="s">
        <v>874</v>
      </c>
      <c r="D11" s="1" t="s">
        <v>875</v>
      </c>
      <c r="E11" s="1" t="s">
        <v>876</v>
      </c>
      <c r="F11" s="1" t="s">
        <v>877</v>
      </c>
      <c r="G11" s="1" t="s">
        <v>878</v>
      </c>
      <c r="H11" s="1" t="s">
        <v>879</v>
      </c>
      <c r="I11" s="1" t="s">
        <v>880</v>
      </c>
      <c r="J11" s="1" t="s">
        <v>881</v>
      </c>
      <c r="K11" s="1" t="s">
        <v>882</v>
      </c>
      <c r="L11" s="1" t="s">
        <v>883</v>
      </c>
      <c r="M11" s="1" t="s">
        <v>884</v>
      </c>
      <c r="N11" s="1" t="s">
        <v>885</v>
      </c>
      <c r="O11" s="8" t="s">
        <v>5</v>
      </c>
      <c r="P11" s="8" t="s">
        <v>5</v>
      </c>
    </row>
    <row r="12" spans="1:16" x14ac:dyDescent="0.25">
      <c r="A12" s="3" t="s">
        <v>16</v>
      </c>
      <c r="B12" s="5" t="s">
        <v>888</v>
      </c>
      <c r="C12" s="6">
        <v>1867513461.6099999</v>
      </c>
      <c r="D12" s="6">
        <v>1453789595.9400001</v>
      </c>
      <c r="E12" s="6">
        <v>1660556593.46</v>
      </c>
      <c r="F12" s="6">
        <v>1319809685.9100001</v>
      </c>
      <c r="G12" s="6">
        <v>1229063200.73</v>
      </c>
      <c r="H12" s="6">
        <v>1567807227.04</v>
      </c>
      <c r="I12" s="6">
        <v>1762702252.78</v>
      </c>
      <c r="J12" s="6">
        <v>1705666604.9100001</v>
      </c>
      <c r="K12" s="6">
        <v>1896686995.0999999</v>
      </c>
      <c r="L12" s="6">
        <v>1714296581.3599999</v>
      </c>
      <c r="M12" s="6">
        <v>1768784545.6099999</v>
      </c>
      <c r="N12" s="6">
        <v>2057920753.8699999</v>
      </c>
      <c r="O12" s="6">
        <v>20004597498.32</v>
      </c>
      <c r="P12" s="6">
        <v>17890937899.779999</v>
      </c>
    </row>
    <row r="13" spans="1:16" x14ac:dyDescent="0.25">
      <c r="A13" s="3" t="s">
        <v>18</v>
      </c>
      <c r="B13" s="5" t="s">
        <v>889</v>
      </c>
      <c r="C13" s="6">
        <v>1354654276.0899999</v>
      </c>
      <c r="D13" s="6">
        <v>938674360.50999999</v>
      </c>
      <c r="E13" s="6">
        <v>1025361324.8200001</v>
      </c>
      <c r="F13" s="6">
        <v>867698315.64999998</v>
      </c>
      <c r="G13" s="6">
        <v>785678056.15999997</v>
      </c>
      <c r="H13" s="6">
        <v>903729308.84000003</v>
      </c>
      <c r="I13" s="6">
        <v>1022305220.28</v>
      </c>
      <c r="J13" s="6">
        <v>1032677054.6799999</v>
      </c>
      <c r="K13" s="6">
        <v>1187391346.3099999</v>
      </c>
      <c r="L13" s="6">
        <v>1162632023.27</v>
      </c>
      <c r="M13" s="6">
        <v>1223586057.22</v>
      </c>
      <c r="N13" s="6">
        <v>1220393602.54</v>
      </c>
      <c r="O13" s="6">
        <v>12724780946.370001</v>
      </c>
      <c r="P13" s="6">
        <v>11926528400</v>
      </c>
    </row>
    <row r="14" spans="1:16" x14ac:dyDescent="0.25">
      <c r="A14" s="2" t="s">
        <v>20</v>
      </c>
      <c r="B14" s="4" t="s">
        <v>890</v>
      </c>
      <c r="C14" s="7">
        <v>816521313.01999998</v>
      </c>
      <c r="D14" s="7">
        <v>795315645.08000004</v>
      </c>
      <c r="E14" s="7">
        <v>892537028.40999997</v>
      </c>
      <c r="F14" s="7">
        <v>762273525.63999999</v>
      </c>
      <c r="G14" s="7">
        <v>649572101.88999999</v>
      </c>
      <c r="H14" s="7">
        <v>763786667.44000006</v>
      </c>
      <c r="I14" s="7">
        <v>817232737.58000004</v>
      </c>
      <c r="J14" s="7">
        <v>851949087.67999995</v>
      </c>
      <c r="K14" s="7">
        <v>938830028.58000004</v>
      </c>
      <c r="L14" s="7">
        <v>923067340.67999995</v>
      </c>
      <c r="M14" s="7">
        <v>980655349.86000001</v>
      </c>
      <c r="N14" s="7">
        <v>969378250.40999997</v>
      </c>
      <c r="O14" s="7">
        <v>10161119076.27</v>
      </c>
      <c r="P14" s="7">
        <v>9799471900</v>
      </c>
    </row>
    <row r="15" spans="1:16" x14ac:dyDescent="0.25">
      <c r="A15" s="2" t="s">
        <v>22</v>
      </c>
      <c r="B15" s="4" t="s">
        <v>891</v>
      </c>
      <c r="C15" s="7">
        <v>356732129.58999997</v>
      </c>
      <c r="D15" s="7">
        <v>59581276.009999998</v>
      </c>
      <c r="E15" s="7">
        <v>53042750.530000001</v>
      </c>
      <c r="F15" s="7">
        <v>45243611.829999998</v>
      </c>
      <c r="G15" s="7">
        <v>51219614.229999997</v>
      </c>
      <c r="H15" s="7">
        <v>35280889.619999997</v>
      </c>
      <c r="I15" s="7">
        <v>34551895.049999997</v>
      </c>
      <c r="J15" s="7">
        <v>34648789.18</v>
      </c>
      <c r="K15" s="7">
        <v>28987241.129999999</v>
      </c>
      <c r="L15" s="7">
        <v>23954076.620000001</v>
      </c>
      <c r="M15" s="7">
        <v>20124034.5</v>
      </c>
      <c r="N15" s="7">
        <v>57376651.609999999</v>
      </c>
      <c r="O15" s="7">
        <v>800742959.89999998</v>
      </c>
      <c r="P15" s="7">
        <v>729934800</v>
      </c>
    </row>
    <row r="16" spans="1:16" x14ac:dyDescent="0.25">
      <c r="A16" s="2" t="s">
        <v>24</v>
      </c>
      <c r="B16" s="4" t="s">
        <v>892</v>
      </c>
      <c r="C16" s="7">
        <v>19712014.829999998</v>
      </c>
      <c r="D16" s="7">
        <v>20461929.34</v>
      </c>
      <c r="E16" s="7">
        <v>22962589.399999999</v>
      </c>
      <c r="F16" s="7">
        <v>12197148.49</v>
      </c>
      <c r="G16" s="7">
        <v>16315474.880000001</v>
      </c>
      <c r="H16" s="7">
        <v>26586348.539999999</v>
      </c>
      <c r="I16" s="7">
        <v>22673459.390000001</v>
      </c>
      <c r="J16" s="7">
        <v>20449259.420000002</v>
      </c>
      <c r="K16" s="7">
        <v>25491283.039999999</v>
      </c>
      <c r="L16" s="7">
        <v>17050236.870000001</v>
      </c>
      <c r="M16" s="7">
        <v>23029681.280000001</v>
      </c>
      <c r="N16" s="7">
        <v>31216650.02</v>
      </c>
      <c r="O16" s="7">
        <v>258146075.5</v>
      </c>
      <c r="P16" s="7">
        <v>182447900</v>
      </c>
    </row>
    <row r="17" spans="1:16" x14ac:dyDescent="0.25">
      <c r="A17" s="2" t="s">
        <v>26</v>
      </c>
      <c r="B17" s="4" t="s">
        <v>893</v>
      </c>
      <c r="C17" s="7">
        <v>143433405.80000001</v>
      </c>
      <c r="D17" s="7">
        <v>44138760.350000001</v>
      </c>
      <c r="E17" s="7">
        <v>37293862.130000003</v>
      </c>
      <c r="F17" s="7">
        <v>32751503.670000002</v>
      </c>
      <c r="G17" s="7">
        <v>50607006.909999996</v>
      </c>
      <c r="H17" s="7">
        <v>58612929.109999999</v>
      </c>
      <c r="I17" s="7">
        <v>123511384</v>
      </c>
      <c r="J17" s="7">
        <v>100285339.06</v>
      </c>
      <c r="K17" s="7">
        <v>170136381.03</v>
      </c>
      <c r="L17" s="7">
        <v>173831119.03999999</v>
      </c>
      <c r="M17" s="7">
        <v>169751627.09999999</v>
      </c>
      <c r="N17" s="7">
        <v>139268339.5</v>
      </c>
      <c r="O17" s="7">
        <v>1243621657.7</v>
      </c>
      <c r="P17" s="7">
        <v>956647400</v>
      </c>
    </row>
    <row r="18" spans="1:16" x14ac:dyDescent="0.25">
      <c r="A18" s="2" t="s">
        <v>28</v>
      </c>
      <c r="B18" s="4" t="s">
        <v>894</v>
      </c>
      <c r="C18" s="7">
        <v>18255412.850000001</v>
      </c>
      <c r="D18" s="7">
        <v>19176749.73</v>
      </c>
      <c r="E18" s="7">
        <v>19525094.350000001</v>
      </c>
      <c r="F18" s="7">
        <v>15232526.02</v>
      </c>
      <c r="G18" s="7">
        <v>17963858.25</v>
      </c>
      <c r="H18" s="7">
        <v>19462474.129999999</v>
      </c>
      <c r="I18" s="7">
        <v>24335744.260000002</v>
      </c>
      <c r="J18" s="7">
        <v>25344579.34</v>
      </c>
      <c r="K18" s="7">
        <v>23946412.530000001</v>
      </c>
      <c r="L18" s="7">
        <v>24729250.059999999</v>
      </c>
      <c r="M18" s="7">
        <v>30025364.48</v>
      </c>
      <c r="N18" s="7">
        <v>23153711</v>
      </c>
      <c r="O18" s="7">
        <v>261151177</v>
      </c>
      <c r="P18" s="7">
        <v>258026400</v>
      </c>
    </row>
    <row r="19" spans="1:16" x14ac:dyDescent="0.25">
      <c r="A19" s="2" t="s">
        <v>30</v>
      </c>
      <c r="B19" s="4" t="s">
        <v>895</v>
      </c>
      <c r="C19" s="7">
        <v>64097205.280000001</v>
      </c>
      <c r="D19" s="7">
        <v>34504236.189999998</v>
      </c>
      <c r="E19" s="7">
        <v>46981819.75</v>
      </c>
      <c r="F19" s="7">
        <v>29648501.789999999</v>
      </c>
      <c r="G19" s="7">
        <v>37595422.07</v>
      </c>
      <c r="H19" s="7">
        <v>42913518.240000002</v>
      </c>
      <c r="I19" s="7">
        <v>64560845.049999997</v>
      </c>
      <c r="J19" s="7">
        <v>44232596.43</v>
      </c>
      <c r="K19" s="7">
        <v>41855693.259999998</v>
      </c>
      <c r="L19" s="7">
        <v>41826302.659999996</v>
      </c>
      <c r="M19" s="7">
        <v>45484803.229999997</v>
      </c>
      <c r="N19" s="7">
        <v>151449143.28999999</v>
      </c>
      <c r="O19" s="7">
        <v>645150087.24000001</v>
      </c>
      <c r="P19" s="7">
        <v>764125800</v>
      </c>
    </row>
    <row r="20" spans="1:16" x14ac:dyDescent="0.25">
      <c r="A20" s="3" t="s">
        <v>32</v>
      </c>
      <c r="B20" s="5" t="s">
        <v>896</v>
      </c>
      <c r="C20" s="6">
        <v>9946006.1699999999</v>
      </c>
      <c r="D20" s="6">
        <v>9038036.9199999999</v>
      </c>
      <c r="E20" s="6">
        <v>5375828.5700000003</v>
      </c>
      <c r="F20" s="6">
        <v>3413423.1</v>
      </c>
      <c r="G20" s="6">
        <v>8159079.7999999998</v>
      </c>
      <c r="H20" s="6">
        <v>16044366.130000001</v>
      </c>
      <c r="I20" s="6">
        <v>121449971.8</v>
      </c>
      <c r="J20" s="6">
        <v>3257078.27</v>
      </c>
      <c r="K20" s="6">
        <v>3014462.94</v>
      </c>
      <c r="L20" s="6">
        <v>10702424.699999999</v>
      </c>
      <c r="M20" s="6">
        <v>4224556.66</v>
      </c>
      <c r="N20" s="6">
        <v>18034508.129999999</v>
      </c>
      <c r="O20" s="6">
        <v>212659743.19</v>
      </c>
      <c r="P20" s="6">
        <v>115931602.76000001</v>
      </c>
    </row>
    <row r="21" spans="1:16" x14ac:dyDescent="0.25">
      <c r="A21" s="2" t="s">
        <v>34</v>
      </c>
      <c r="B21" s="4" t="s">
        <v>897</v>
      </c>
      <c r="C21" s="7">
        <v>3162734.25</v>
      </c>
      <c r="D21" s="7">
        <v>2866780.93</v>
      </c>
      <c r="E21" s="7">
        <v>4042738.01</v>
      </c>
      <c r="F21" s="7">
        <v>2684484.99</v>
      </c>
      <c r="G21" s="7">
        <v>2770581.08</v>
      </c>
      <c r="H21" s="7">
        <v>2798215.88</v>
      </c>
      <c r="I21" s="7">
        <v>2963682.16</v>
      </c>
      <c r="J21" s="7">
        <v>2331968.62</v>
      </c>
      <c r="K21" s="7">
        <v>2179614.7400000002</v>
      </c>
      <c r="L21" s="7">
        <v>2434785.64</v>
      </c>
      <c r="M21" s="7">
        <v>3093390.71</v>
      </c>
      <c r="N21" s="7">
        <v>3509953.94</v>
      </c>
      <c r="O21" s="7">
        <v>34838930.950000003</v>
      </c>
      <c r="P21" s="7">
        <v>58898302.759999998</v>
      </c>
    </row>
    <row r="22" spans="1:16" x14ac:dyDescent="0.25">
      <c r="A22" s="2" t="s">
        <v>36</v>
      </c>
      <c r="B22" s="4" t="s">
        <v>898</v>
      </c>
      <c r="C22" s="7">
        <v>6783271.9199999999</v>
      </c>
      <c r="D22" s="7">
        <v>6171255.9900000002</v>
      </c>
      <c r="E22" s="7">
        <v>1333090.56</v>
      </c>
      <c r="F22" s="7">
        <v>728938.11</v>
      </c>
      <c r="G22" s="7">
        <v>5388498.7199999997</v>
      </c>
      <c r="H22" s="7">
        <v>13246150.25</v>
      </c>
      <c r="I22" s="7">
        <v>118486289.64</v>
      </c>
      <c r="J22" s="7">
        <v>925109.65</v>
      </c>
      <c r="K22" s="7">
        <v>834848.2</v>
      </c>
      <c r="L22" s="7">
        <v>8267639.0599999996</v>
      </c>
      <c r="M22" s="7">
        <v>1131165.95</v>
      </c>
      <c r="N22" s="7">
        <v>14524554.189999999</v>
      </c>
      <c r="O22" s="7">
        <v>177820812.24000001</v>
      </c>
      <c r="P22" s="7">
        <v>57033300</v>
      </c>
    </row>
    <row r="23" spans="1:16" x14ac:dyDescent="0.25">
      <c r="A23" s="2" t="s">
        <v>38</v>
      </c>
      <c r="B23" s="4" t="s">
        <v>899</v>
      </c>
      <c r="C23" s="7">
        <v>0</v>
      </c>
      <c r="D23" s="7">
        <v>0</v>
      </c>
      <c r="E23" s="7">
        <v>0</v>
      </c>
      <c r="F23" s="7">
        <v>0</v>
      </c>
      <c r="G23" s="7">
        <v>0</v>
      </c>
      <c r="H23" s="7">
        <v>0</v>
      </c>
      <c r="I23" s="7">
        <v>0</v>
      </c>
      <c r="J23" s="7">
        <v>0</v>
      </c>
      <c r="K23" s="7">
        <v>0</v>
      </c>
      <c r="L23" s="7">
        <v>0</v>
      </c>
      <c r="M23" s="7">
        <v>0</v>
      </c>
      <c r="N23" s="7">
        <v>0</v>
      </c>
      <c r="O23" s="7">
        <v>0</v>
      </c>
      <c r="P23" s="7">
        <v>0</v>
      </c>
    </row>
    <row r="24" spans="1:16" x14ac:dyDescent="0.25">
      <c r="A24" s="2" t="s">
        <v>40</v>
      </c>
      <c r="B24" s="4" t="s">
        <v>900</v>
      </c>
      <c r="C24" s="7">
        <v>0</v>
      </c>
      <c r="D24" s="7">
        <v>0</v>
      </c>
      <c r="E24" s="7">
        <v>0</v>
      </c>
      <c r="F24" s="7">
        <v>0</v>
      </c>
      <c r="G24" s="7">
        <v>0</v>
      </c>
      <c r="H24" s="7">
        <v>0</v>
      </c>
      <c r="I24" s="7">
        <v>0</v>
      </c>
      <c r="J24" s="7">
        <v>0</v>
      </c>
      <c r="K24" s="7">
        <v>0</v>
      </c>
      <c r="L24" s="7">
        <v>0</v>
      </c>
      <c r="M24" s="7">
        <v>0</v>
      </c>
      <c r="N24" s="7">
        <v>0</v>
      </c>
      <c r="O24" s="7">
        <v>0</v>
      </c>
      <c r="P24" s="7">
        <v>0</v>
      </c>
    </row>
    <row r="25" spans="1:16" x14ac:dyDescent="0.25">
      <c r="A25" s="2" t="s">
        <v>42</v>
      </c>
      <c r="B25" s="4" t="s">
        <v>901</v>
      </c>
      <c r="C25" s="7">
        <v>68409522.349999994</v>
      </c>
      <c r="D25" s="7">
        <v>36984680.939999998</v>
      </c>
      <c r="E25" s="7">
        <v>87640665.319999993</v>
      </c>
      <c r="F25" s="7">
        <v>32018236.649999999</v>
      </c>
      <c r="G25" s="7">
        <v>55464771.530000001</v>
      </c>
      <c r="H25" s="7">
        <v>68310232.989999995</v>
      </c>
      <c r="I25" s="7">
        <v>106846495.2</v>
      </c>
      <c r="J25" s="7">
        <v>79182725.939999998</v>
      </c>
      <c r="K25" s="7">
        <v>96963603.989999995</v>
      </c>
      <c r="L25" s="7">
        <v>84660335.390000001</v>
      </c>
      <c r="M25" s="7">
        <v>85478211.019999996</v>
      </c>
      <c r="N25" s="7">
        <v>86506316.920000002</v>
      </c>
      <c r="O25" s="7">
        <v>888465798.24000001</v>
      </c>
      <c r="P25" s="7">
        <v>848627900</v>
      </c>
    </row>
    <row r="26" spans="1:16" x14ac:dyDescent="0.25">
      <c r="A26" s="3" t="s">
        <v>44</v>
      </c>
      <c r="B26" s="5" t="s">
        <v>902</v>
      </c>
      <c r="C26" s="6">
        <v>364884480.77999997</v>
      </c>
      <c r="D26" s="6">
        <v>428046306.88</v>
      </c>
      <c r="E26" s="6">
        <v>488884512.82999998</v>
      </c>
      <c r="F26" s="6">
        <v>375725746.00999999</v>
      </c>
      <c r="G26" s="6">
        <v>336909438.52999997</v>
      </c>
      <c r="H26" s="6">
        <v>529187432.69</v>
      </c>
      <c r="I26" s="6">
        <v>440870480.19</v>
      </c>
      <c r="J26" s="6">
        <v>539846027.63999999</v>
      </c>
      <c r="K26" s="6">
        <v>559873345.67999995</v>
      </c>
      <c r="L26" s="6">
        <v>408061453.05000001</v>
      </c>
      <c r="M26" s="6">
        <v>408359793.56999999</v>
      </c>
      <c r="N26" s="6">
        <v>539652857.83000004</v>
      </c>
      <c r="O26" s="6">
        <v>5420301875.6800003</v>
      </c>
      <c r="P26" s="6">
        <v>4167407179.02</v>
      </c>
    </row>
    <row r="27" spans="1:16" x14ac:dyDescent="0.25">
      <c r="A27" s="2" t="s">
        <v>46</v>
      </c>
      <c r="B27" s="4" t="s">
        <v>903</v>
      </c>
      <c r="C27" s="7">
        <v>127435983.44</v>
      </c>
      <c r="D27" s="7">
        <v>168187799.97</v>
      </c>
      <c r="E27" s="7">
        <v>82317829.670000002</v>
      </c>
      <c r="F27" s="7">
        <v>94351565.079999998</v>
      </c>
      <c r="G27" s="7">
        <v>98770979.890000001</v>
      </c>
      <c r="H27" s="7">
        <v>80014210.079999998</v>
      </c>
      <c r="I27" s="7">
        <v>82737075.430000007</v>
      </c>
      <c r="J27" s="7">
        <v>87732855.030000001</v>
      </c>
      <c r="K27" s="7">
        <v>70620849.810000002</v>
      </c>
      <c r="L27" s="7">
        <v>96131155.590000004</v>
      </c>
      <c r="M27" s="7">
        <v>129655590.31</v>
      </c>
      <c r="N27" s="7">
        <v>136735468.41</v>
      </c>
      <c r="O27" s="7">
        <v>1254691362.71</v>
      </c>
      <c r="P27" s="7">
        <v>1227705300</v>
      </c>
    </row>
    <row r="28" spans="1:16" x14ac:dyDescent="0.25">
      <c r="A28" s="2" t="s">
        <v>48</v>
      </c>
      <c r="B28" s="4" t="s">
        <v>904</v>
      </c>
      <c r="C28" s="7">
        <v>0</v>
      </c>
      <c r="D28" s="7">
        <v>0</v>
      </c>
      <c r="E28" s="7">
        <v>0</v>
      </c>
      <c r="F28" s="7">
        <v>0</v>
      </c>
      <c r="G28" s="7">
        <v>0</v>
      </c>
      <c r="H28" s="7">
        <v>0</v>
      </c>
      <c r="I28" s="7">
        <v>0</v>
      </c>
      <c r="J28" s="7">
        <v>0</v>
      </c>
      <c r="K28" s="7">
        <v>0</v>
      </c>
      <c r="L28" s="7">
        <v>0</v>
      </c>
      <c r="M28" s="7">
        <v>0</v>
      </c>
      <c r="N28" s="7">
        <v>0</v>
      </c>
      <c r="O28" s="7">
        <v>0</v>
      </c>
      <c r="P28" s="7">
        <v>18350000</v>
      </c>
    </row>
    <row r="29" spans="1:16" x14ac:dyDescent="0.25">
      <c r="A29" s="2" t="s">
        <v>50</v>
      </c>
      <c r="B29" s="4" t="s">
        <v>905</v>
      </c>
      <c r="C29" s="7">
        <v>7174777.8399999999</v>
      </c>
      <c r="D29" s="7">
        <v>7761274.5700000003</v>
      </c>
      <c r="E29" s="7">
        <v>7162527.3399999999</v>
      </c>
      <c r="F29" s="7">
        <v>6427775.8200000003</v>
      </c>
      <c r="G29" s="7">
        <v>6408896.9500000002</v>
      </c>
      <c r="H29" s="7">
        <v>5763468.2199999997</v>
      </c>
      <c r="I29" s="7">
        <v>6923531.3300000001</v>
      </c>
      <c r="J29" s="7">
        <v>8007177.5</v>
      </c>
      <c r="K29" s="7">
        <v>9405391.7599999998</v>
      </c>
      <c r="L29" s="7">
        <v>10764094.539999999</v>
      </c>
      <c r="M29" s="7">
        <v>11799299.720000001</v>
      </c>
      <c r="N29" s="7">
        <v>12409804.630000001</v>
      </c>
      <c r="O29" s="7">
        <v>100008020.22</v>
      </c>
      <c r="P29" s="7">
        <v>106498000</v>
      </c>
    </row>
    <row r="30" spans="1:16" x14ac:dyDescent="0.25">
      <c r="A30" s="2" t="s">
        <v>52</v>
      </c>
      <c r="B30" s="4" t="s">
        <v>906</v>
      </c>
      <c r="C30" s="7">
        <v>96758894.629999995</v>
      </c>
      <c r="D30" s="7">
        <v>113401942.84</v>
      </c>
      <c r="E30" s="7">
        <v>101800503.55</v>
      </c>
      <c r="F30" s="7">
        <v>79082361.549999997</v>
      </c>
      <c r="G30" s="7">
        <v>74006882.129999995</v>
      </c>
      <c r="H30" s="7">
        <v>82267284.890000001</v>
      </c>
      <c r="I30" s="7">
        <v>82094615.069999993</v>
      </c>
      <c r="J30" s="7">
        <v>93151040.109999999</v>
      </c>
      <c r="K30" s="7">
        <v>86856259.010000005</v>
      </c>
      <c r="L30" s="7">
        <v>106411880.48</v>
      </c>
      <c r="M30" s="7">
        <v>113275388.31</v>
      </c>
      <c r="N30" s="7">
        <v>106561813.84</v>
      </c>
      <c r="O30" s="7">
        <v>1135668866.4100001</v>
      </c>
      <c r="P30" s="7">
        <v>1162234200</v>
      </c>
    </row>
    <row r="31" spans="1:16" x14ac:dyDescent="0.25">
      <c r="A31" s="2" t="s">
        <v>54</v>
      </c>
      <c r="B31" s="4" t="s">
        <v>907</v>
      </c>
      <c r="C31" s="7">
        <v>133514824.87</v>
      </c>
      <c r="D31" s="7">
        <v>138695289.5</v>
      </c>
      <c r="E31" s="7">
        <v>297603652.26999998</v>
      </c>
      <c r="F31" s="7">
        <v>195864043.56</v>
      </c>
      <c r="G31" s="7">
        <v>157722679.56</v>
      </c>
      <c r="H31" s="7">
        <v>361142469.5</v>
      </c>
      <c r="I31" s="7">
        <v>269115258.36000001</v>
      </c>
      <c r="J31" s="7">
        <v>350954955</v>
      </c>
      <c r="K31" s="7">
        <v>392990845.10000002</v>
      </c>
      <c r="L31" s="7">
        <v>194754322.44</v>
      </c>
      <c r="M31" s="7">
        <v>153629515.22999999</v>
      </c>
      <c r="N31" s="7">
        <v>283945770.94999999</v>
      </c>
      <c r="O31" s="7">
        <v>2929933626.3400002</v>
      </c>
      <c r="P31" s="7">
        <v>1652619679.02</v>
      </c>
    </row>
    <row r="32" spans="1:16" x14ac:dyDescent="0.25">
      <c r="A32" s="2" t="s">
        <v>56</v>
      </c>
      <c r="B32" s="4" t="s">
        <v>908</v>
      </c>
      <c r="C32" s="7">
        <v>5521970.9400000004</v>
      </c>
      <c r="D32" s="7">
        <v>6541974.5</v>
      </c>
      <c r="E32" s="7">
        <v>6312442.1699999999</v>
      </c>
      <c r="F32" s="7">
        <v>11305462.710000001</v>
      </c>
      <c r="G32" s="7">
        <v>5256432.6399999997</v>
      </c>
      <c r="H32" s="7">
        <v>7622368.1500000004</v>
      </c>
      <c r="I32" s="7">
        <v>6669240.2599999998</v>
      </c>
      <c r="J32" s="7">
        <v>6471121.9500000002</v>
      </c>
      <c r="K32" s="7">
        <v>7588542.9199999999</v>
      </c>
      <c r="L32" s="7">
        <v>6414042.29</v>
      </c>
      <c r="M32" s="7">
        <v>1651123.91</v>
      </c>
      <c r="N32" s="7">
        <v>41884325.159999996</v>
      </c>
      <c r="O32" s="7">
        <v>113239047.59999999</v>
      </c>
      <c r="P32" s="7">
        <v>68317018</v>
      </c>
    </row>
    <row r="33" spans="1:16" x14ac:dyDescent="0.25">
      <c r="A33" s="3" t="s">
        <v>58</v>
      </c>
      <c r="B33" s="5" t="s">
        <v>909</v>
      </c>
      <c r="C33" s="6">
        <v>661868101.87</v>
      </c>
      <c r="D33" s="6">
        <v>441662810.06</v>
      </c>
      <c r="E33" s="6">
        <v>475061755.14999998</v>
      </c>
      <c r="F33" s="6">
        <v>399312726.70999998</v>
      </c>
      <c r="G33" s="6">
        <v>366505572.33999997</v>
      </c>
      <c r="H33" s="6">
        <v>405526770.75</v>
      </c>
      <c r="I33" s="6">
        <v>449196568.99000001</v>
      </c>
      <c r="J33" s="6">
        <v>443209571.38</v>
      </c>
      <c r="K33" s="6">
        <v>470022414.49000001</v>
      </c>
      <c r="L33" s="6">
        <v>465711002.63999999</v>
      </c>
      <c r="M33" s="6">
        <v>726802967.27999997</v>
      </c>
      <c r="N33" s="6">
        <v>628892918.85000002</v>
      </c>
      <c r="O33" s="6">
        <v>5933773180.5100002</v>
      </c>
      <c r="P33" s="6">
        <v>5598909600</v>
      </c>
    </row>
    <row r="34" spans="1:16" x14ac:dyDescent="0.25">
      <c r="A34" s="2" t="s">
        <v>60</v>
      </c>
      <c r="B34" s="4" t="s">
        <v>910</v>
      </c>
      <c r="C34" s="7">
        <v>411429135.08999997</v>
      </c>
      <c r="D34" s="7">
        <v>242621236.13</v>
      </c>
      <c r="E34" s="7">
        <v>263650597.15000001</v>
      </c>
      <c r="F34" s="7">
        <v>228154231.49000001</v>
      </c>
      <c r="G34" s="7">
        <v>202065920.86000001</v>
      </c>
      <c r="H34" s="7">
        <v>221908669.66999999</v>
      </c>
      <c r="I34" s="7">
        <v>236070674.71000001</v>
      </c>
      <c r="J34" s="7">
        <v>244524426.47999999</v>
      </c>
      <c r="K34" s="7">
        <v>263374702.94</v>
      </c>
      <c r="L34" s="7">
        <v>258326609.38999999</v>
      </c>
      <c r="M34" s="7">
        <v>499424278.17000002</v>
      </c>
      <c r="N34" s="7">
        <v>271892900.66000003</v>
      </c>
      <c r="O34" s="7">
        <v>3343443382.7399998</v>
      </c>
      <c r="P34" s="7">
        <v>2988469600</v>
      </c>
    </row>
    <row r="35" spans="1:16" x14ac:dyDescent="0.25">
      <c r="A35" s="2" t="s">
        <v>62</v>
      </c>
      <c r="B35" s="4" t="s">
        <v>911</v>
      </c>
      <c r="C35" s="7">
        <v>63915126.5</v>
      </c>
      <c r="D35" s="7">
        <v>34360311.399999999</v>
      </c>
      <c r="E35" s="7">
        <v>46789689.899999999</v>
      </c>
      <c r="F35" s="7">
        <v>29516658.510000002</v>
      </c>
      <c r="G35" s="7">
        <v>37442519.329999998</v>
      </c>
      <c r="H35" s="7">
        <v>42753895.07</v>
      </c>
      <c r="I35" s="7">
        <v>64487213.57</v>
      </c>
      <c r="J35" s="7">
        <v>44135004.079999998</v>
      </c>
      <c r="K35" s="7">
        <v>41775708.630000003</v>
      </c>
      <c r="L35" s="7">
        <v>38798970.460000001</v>
      </c>
      <c r="M35" s="7">
        <v>48291532.859999999</v>
      </c>
      <c r="N35" s="7">
        <v>146863417.25</v>
      </c>
      <c r="O35" s="7">
        <v>639130047.55999994</v>
      </c>
      <c r="P35" s="7">
        <v>761652300</v>
      </c>
    </row>
    <row r="36" spans="1:16" x14ac:dyDescent="0.25">
      <c r="A36" s="2" t="s">
        <v>64</v>
      </c>
      <c r="B36" s="4" t="s">
        <v>912</v>
      </c>
      <c r="C36" s="7">
        <v>182078.78</v>
      </c>
      <c r="D36" s="7">
        <v>143924.79</v>
      </c>
      <c r="E36" s="7">
        <v>192129.85</v>
      </c>
      <c r="F36" s="7">
        <v>131843.28</v>
      </c>
      <c r="G36" s="7">
        <v>152902.74</v>
      </c>
      <c r="H36" s="7">
        <v>159623.17000000001</v>
      </c>
      <c r="I36" s="7">
        <v>73631.48</v>
      </c>
      <c r="J36" s="7">
        <v>97592.35</v>
      </c>
      <c r="K36" s="7">
        <v>79984.63</v>
      </c>
      <c r="L36" s="7">
        <v>3027332.2</v>
      </c>
      <c r="M36" s="7">
        <v>-2806729.63</v>
      </c>
      <c r="N36" s="7">
        <v>23091816.050000001</v>
      </c>
      <c r="O36" s="7">
        <v>24526129.690000001</v>
      </c>
      <c r="P36" s="7">
        <v>0</v>
      </c>
    </row>
    <row r="37" spans="1:16" x14ac:dyDescent="0.25">
      <c r="A37" s="2" t="s">
        <v>66</v>
      </c>
      <c r="B37" s="4" t="s">
        <v>913</v>
      </c>
      <c r="C37" s="7">
        <v>186341761.5</v>
      </c>
      <c r="D37" s="7">
        <v>164537337.74000001</v>
      </c>
      <c r="E37" s="7">
        <v>164429338.25</v>
      </c>
      <c r="F37" s="7">
        <v>141509993.43000001</v>
      </c>
      <c r="G37" s="7">
        <v>126844229.41</v>
      </c>
      <c r="H37" s="7">
        <v>140704582.84</v>
      </c>
      <c r="I37" s="7">
        <v>148565049.22999999</v>
      </c>
      <c r="J37" s="7">
        <v>154452548.47</v>
      </c>
      <c r="K37" s="7">
        <v>164792018.28999999</v>
      </c>
      <c r="L37" s="7">
        <v>165558090.59</v>
      </c>
      <c r="M37" s="7">
        <v>181893885.88</v>
      </c>
      <c r="N37" s="7">
        <v>187044784.88999999</v>
      </c>
      <c r="O37" s="7">
        <v>1926673620.52</v>
      </c>
      <c r="P37" s="7">
        <v>1848787700</v>
      </c>
    </row>
    <row r="38" spans="1:16" x14ac:dyDescent="0.25">
      <c r="A38" s="3" t="s">
        <v>68</v>
      </c>
      <c r="B38" s="5" t="s">
        <v>914</v>
      </c>
      <c r="C38" s="6">
        <v>1205645359.74</v>
      </c>
      <c r="D38" s="6">
        <v>1012126785.88</v>
      </c>
      <c r="E38" s="6">
        <v>1185494838.3099999</v>
      </c>
      <c r="F38" s="6">
        <v>920496959.20000005</v>
      </c>
      <c r="G38" s="6">
        <v>862557628.38999999</v>
      </c>
      <c r="H38" s="6">
        <v>1162280456.29</v>
      </c>
      <c r="I38" s="6">
        <v>1313505683.79</v>
      </c>
      <c r="J38" s="6">
        <v>1262457033.53</v>
      </c>
      <c r="K38" s="6">
        <v>1426664580.6099999</v>
      </c>
      <c r="L38" s="6">
        <v>1248585578.72</v>
      </c>
      <c r="M38" s="6">
        <v>1041981578.33</v>
      </c>
      <c r="N38" s="6">
        <v>1429027835.02</v>
      </c>
      <c r="O38" s="6">
        <v>14070824317.809999</v>
      </c>
      <c r="P38" s="6">
        <v>12292028299.780001</v>
      </c>
    </row>
    <row r="39" spans="1:16" x14ac:dyDescent="0.25">
      <c r="A39" s="2" t="s">
        <v>70</v>
      </c>
      <c r="B39" s="4" t="s">
        <v>915</v>
      </c>
      <c r="C39" s="7">
        <v>0</v>
      </c>
      <c r="D39" s="7">
        <v>0</v>
      </c>
      <c r="E39" s="7">
        <v>0</v>
      </c>
      <c r="F39" s="7">
        <v>0</v>
      </c>
      <c r="G39" s="7">
        <v>1181597.1200000001</v>
      </c>
      <c r="H39" s="7">
        <v>0</v>
      </c>
      <c r="I39" s="7">
        <v>250000</v>
      </c>
      <c r="J39" s="7">
        <v>-250000</v>
      </c>
      <c r="K39" s="7">
        <v>0</v>
      </c>
      <c r="L39" s="7">
        <v>0</v>
      </c>
      <c r="M39" s="7">
        <v>0</v>
      </c>
      <c r="N39" s="7">
        <v>0</v>
      </c>
      <c r="O39" s="7">
        <v>1181597.1200000001</v>
      </c>
      <c r="P39" s="7">
        <v>0</v>
      </c>
    </row>
    <row r="40" spans="1:16" x14ac:dyDescent="0.25">
      <c r="A40" s="3" t="s">
        <v>72</v>
      </c>
      <c r="B40" s="5" t="s">
        <v>916</v>
      </c>
      <c r="C40" s="6">
        <v>1205645359.74</v>
      </c>
      <c r="D40" s="6">
        <v>1012126785.88</v>
      </c>
      <c r="E40" s="6">
        <v>1185494838.3099999</v>
      </c>
      <c r="F40" s="6">
        <v>920496959.20000005</v>
      </c>
      <c r="G40" s="6">
        <v>861376031.26999998</v>
      </c>
      <c r="H40" s="6">
        <v>1162280456.29</v>
      </c>
      <c r="I40" s="6">
        <v>1313255683.79</v>
      </c>
      <c r="J40" s="6">
        <v>1262707033.53</v>
      </c>
      <c r="K40" s="6">
        <v>1426664580.6099999</v>
      </c>
      <c r="L40" s="6">
        <v>1248585578.72</v>
      </c>
      <c r="M40" s="6">
        <v>1041981578.33</v>
      </c>
      <c r="N40" s="6">
        <v>1429027835.02</v>
      </c>
      <c r="O40" s="6">
        <v>14069642720.690001</v>
      </c>
      <c r="P40" s="6">
        <v>12292028299.780001</v>
      </c>
    </row>
    <row r="41" spans="1:16" x14ac:dyDescent="0.25">
      <c r="A41" s="2" t="s">
        <v>74</v>
      </c>
      <c r="B41" s="4" t="s">
        <v>917</v>
      </c>
      <c r="C41" s="7">
        <v>0</v>
      </c>
      <c r="D41" s="7">
        <v>0</v>
      </c>
      <c r="E41" s="7">
        <v>0</v>
      </c>
      <c r="F41" s="7">
        <v>0</v>
      </c>
      <c r="G41" s="7">
        <v>0</v>
      </c>
      <c r="H41" s="7">
        <v>0</v>
      </c>
      <c r="I41" s="7">
        <v>0</v>
      </c>
      <c r="J41" s="7">
        <v>0</v>
      </c>
      <c r="K41" s="7">
        <v>0</v>
      </c>
      <c r="L41" s="7">
        <v>0</v>
      </c>
      <c r="M41" s="7">
        <v>0</v>
      </c>
      <c r="N41" s="7">
        <v>0</v>
      </c>
      <c r="O41" s="7">
        <v>0</v>
      </c>
      <c r="P41" s="7">
        <v>0</v>
      </c>
    </row>
    <row r="42" spans="1:16" x14ac:dyDescent="0.25">
      <c r="A42" s="3" t="s">
        <v>76</v>
      </c>
      <c r="B42" s="5" t="s">
        <v>918</v>
      </c>
      <c r="C42" s="6">
        <v>1205645359.74</v>
      </c>
      <c r="D42" s="6">
        <v>1012126785.88</v>
      </c>
      <c r="E42" s="6">
        <v>1185494838.3099999</v>
      </c>
      <c r="F42" s="6">
        <v>920496959.20000005</v>
      </c>
      <c r="G42" s="6">
        <v>861376031.26999998</v>
      </c>
      <c r="H42" s="6">
        <v>1162280456.29</v>
      </c>
      <c r="I42" s="6">
        <v>1313255683.79</v>
      </c>
      <c r="J42" s="6">
        <v>1262707033.53</v>
      </c>
      <c r="K42" s="6">
        <v>1426664580.6099999</v>
      </c>
      <c r="L42" s="6">
        <v>1248585578.72</v>
      </c>
      <c r="M42" s="6">
        <v>1041981578.33</v>
      </c>
      <c r="N42" s="6">
        <v>1429027835.02</v>
      </c>
      <c r="O42" s="6">
        <v>14069642720.690001</v>
      </c>
      <c r="P42" s="6">
        <v>12292028299.780001</v>
      </c>
    </row>
  </sheetData>
  <mergeCells count="11">
    <mergeCell ref="A3:P3"/>
    <mergeCell ref="A4:P4"/>
    <mergeCell ref="A5:P5"/>
    <mergeCell ref="A6:P6"/>
    <mergeCell ref="A7:P7"/>
    <mergeCell ref="A9:P9"/>
    <mergeCell ref="A10:A11"/>
    <mergeCell ref="B10:B11"/>
    <mergeCell ref="C10:N10"/>
    <mergeCell ref="O10:O11"/>
    <mergeCell ref="P10:P11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J158"/>
  <sheetViews>
    <sheetView showGridLines="0" topLeftCell="C145" workbookViewId="0">
      <selection activeCell="C158" sqref="C158:J158"/>
    </sheetView>
  </sheetViews>
  <sheetFormatPr defaultRowHeight="15" x14ac:dyDescent="0.25"/>
  <cols>
    <col min="1" max="1" width="3.7109375" bestFit="1" customWidth="1"/>
    <col min="2" max="2" width="51.7109375" bestFit="1" customWidth="1"/>
    <col min="3" max="6" width="19.28515625" bestFit="1" customWidth="1"/>
    <col min="7" max="8" width="19.140625" bestFit="1" customWidth="1"/>
    <col min="9" max="10" width="13.140625" bestFit="1" customWidth="1"/>
  </cols>
  <sheetData>
    <row r="3" spans="1:10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</row>
    <row r="4" spans="1:10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</row>
    <row r="5" spans="1:10" x14ac:dyDescent="0.25">
      <c r="A5" s="12" t="s">
        <v>919</v>
      </c>
      <c r="B5" s="10"/>
      <c r="C5" s="10"/>
      <c r="D5" s="10"/>
      <c r="E5" s="10"/>
      <c r="F5" s="10"/>
      <c r="G5" s="10"/>
      <c r="H5" s="10"/>
      <c r="I5" s="10"/>
      <c r="J5" s="10"/>
    </row>
    <row r="6" spans="1:10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</row>
    <row r="7" spans="1:10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</row>
    <row r="9" spans="1:10" x14ac:dyDescent="0.25">
      <c r="A9" s="9" t="s">
        <v>5</v>
      </c>
      <c r="B9" s="10"/>
      <c r="C9" s="10"/>
      <c r="D9" s="10"/>
      <c r="E9" s="10"/>
      <c r="F9" s="10"/>
      <c r="G9" s="10"/>
      <c r="H9" s="10"/>
      <c r="I9" s="10"/>
      <c r="J9" s="10"/>
    </row>
    <row r="10" spans="1:10" x14ac:dyDescent="0.25">
      <c r="A10" s="8" t="s">
        <v>6</v>
      </c>
      <c r="B10" s="8" t="s">
        <v>920</v>
      </c>
      <c r="C10" s="8" t="s">
        <v>8</v>
      </c>
      <c r="D10" s="8" t="s">
        <v>921</v>
      </c>
      <c r="E10" s="8" t="s">
        <v>10</v>
      </c>
      <c r="F10" s="8" t="s">
        <v>10</v>
      </c>
    </row>
    <row r="11" spans="1:10" ht="21" x14ac:dyDescent="0.25">
      <c r="A11" s="8" t="s">
        <v>5</v>
      </c>
      <c r="B11" s="8" t="s">
        <v>5</v>
      </c>
      <c r="C11" s="8" t="s">
        <v>5</v>
      </c>
      <c r="D11" s="8" t="s">
        <v>5</v>
      </c>
      <c r="E11" s="1" t="s">
        <v>922</v>
      </c>
      <c r="F11" s="1" t="s">
        <v>923</v>
      </c>
    </row>
    <row r="12" spans="1:10" x14ac:dyDescent="0.25">
      <c r="A12" s="3" t="s">
        <v>16</v>
      </c>
      <c r="B12" s="5" t="s">
        <v>924</v>
      </c>
      <c r="C12" s="6">
        <v>2055192400</v>
      </c>
      <c r="D12" s="6">
        <v>3340667400</v>
      </c>
      <c r="E12" s="6">
        <v>2702167343.0500002</v>
      </c>
      <c r="F12" s="6">
        <v>2807634548.4400001</v>
      </c>
    </row>
    <row r="13" spans="1:10" x14ac:dyDescent="0.25">
      <c r="A13" s="3" t="s">
        <v>18</v>
      </c>
      <c r="B13" s="5" t="s">
        <v>925</v>
      </c>
      <c r="C13" s="6">
        <v>740037300</v>
      </c>
      <c r="D13" s="6">
        <v>761652300</v>
      </c>
      <c r="E13" s="6">
        <v>555370541.02999997</v>
      </c>
      <c r="F13" s="6">
        <v>584796909.26999998</v>
      </c>
    </row>
    <row r="14" spans="1:10" x14ac:dyDescent="0.25">
      <c r="A14" s="3" t="s">
        <v>20</v>
      </c>
      <c r="B14" s="5" t="s">
        <v>926</v>
      </c>
      <c r="C14" s="6">
        <v>629983700</v>
      </c>
      <c r="D14" s="6">
        <v>651598700</v>
      </c>
      <c r="E14" s="6">
        <v>548765544.59000003</v>
      </c>
      <c r="F14" s="6">
        <v>508910102.55000001</v>
      </c>
    </row>
    <row r="15" spans="1:10" x14ac:dyDescent="0.25">
      <c r="A15" s="2" t="s">
        <v>22</v>
      </c>
      <c r="B15" s="4" t="s">
        <v>927</v>
      </c>
      <c r="C15" s="7">
        <v>479797000</v>
      </c>
      <c r="D15" s="7">
        <v>501412000</v>
      </c>
      <c r="E15" s="7">
        <v>349051676.80000001</v>
      </c>
      <c r="F15" s="7">
        <v>333931689.88999999</v>
      </c>
    </row>
    <row r="16" spans="1:10" x14ac:dyDescent="0.25">
      <c r="A16" s="2" t="s">
        <v>24</v>
      </c>
      <c r="B16" s="4" t="s">
        <v>928</v>
      </c>
      <c r="C16" s="7">
        <v>126665100</v>
      </c>
      <c r="D16" s="7">
        <v>126665100</v>
      </c>
      <c r="E16" s="7">
        <v>172889781.97999999</v>
      </c>
      <c r="F16" s="7">
        <v>151635044.66</v>
      </c>
    </row>
    <row r="17" spans="1:6" x14ac:dyDescent="0.25">
      <c r="A17" s="2" t="s">
        <v>26</v>
      </c>
      <c r="B17" s="4" t="s">
        <v>929</v>
      </c>
      <c r="C17" s="7">
        <v>23521600</v>
      </c>
      <c r="D17" s="7">
        <v>23521600</v>
      </c>
      <c r="E17" s="7">
        <v>26824085.809999999</v>
      </c>
      <c r="F17" s="7">
        <v>23343368</v>
      </c>
    </row>
    <row r="18" spans="1:6" x14ac:dyDescent="0.25">
      <c r="A18" s="3" t="s">
        <v>28</v>
      </c>
      <c r="B18" s="5" t="s">
        <v>930</v>
      </c>
      <c r="C18" s="6">
        <v>110053600</v>
      </c>
      <c r="D18" s="6">
        <v>110053600</v>
      </c>
      <c r="E18" s="6">
        <v>6604996.4400000004</v>
      </c>
      <c r="F18" s="6">
        <v>75886806.719999999</v>
      </c>
    </row>
    <row r="19" spans="1:6" x14ac:dyDescent="0.25">
      <c r="A19" s="2" t="s">
        <v>30</v>
      </c>
      <c r="B19" s="4" t="s">
        <v>927</v>
      </c>
      <c r="C19" s="7">
        <v>84585400</v>
      </c>
      <c r="D19" s="7">
        <v>84585400</v>
      </c>
      <c r="E19" s="7">
        <v>6604996.4400000004</v>
      </c>
      <c r="F19" s="7">
        <v>51938493.829999998</v>
      </c>
    </row>
    <row r="20" spans="1:6" x14ac:dyDescent="0.25">
      <c r="A20" s="2" t="s">
        <v>32</v>
      </c>
      <c r="B20" s="4" t="s">
        <v>928</v>
      </c>
      <c r="C20" s="7">
        <v>24072000</v>
      </c>
      <c r="D20" s="7">
        <v>24072000</v>
      </c>
      <c r="E20" s="7">
        <v>0</v>
      </c>
      <c r="F20" s="7">
        <v>22644023.010000002</v>
      </c>
    </row>
    <row r="21" spans="1:6" x14ac:dyDescent="0.25">
      <c r="A21" s="2" t="s">
        <v>34</v>
      </c>
      <c r="B21" s="4" t="s">
        <v>929</v>
      </c>
      <c r="C21" s="7">
        <v>1396200</v>
      </c>
      <c r="D21" s="7">
        <v>1396200</v>
      </c>
      <c r="E21" s="7">
        <v>0</v>
      </c>
      <c r="F21" s="7">
        <v>1304289.8799999999</v>
      </c>
    </row>
    <row r="22" spans="1:6" x14ac:dyDescent="0.25">
      <c r="A22" s="3" t="s">
        <v>36</v>
      </c>
      <c r="B22" s="5" t="s">
        <v>931</v>
      </c>
      <c r="C22" s="6">
        <v>877922300</v>
      </c>
      <c r="D22" s="6">
        <v>2141782300</v>
      </c>
      <c r="E22" s="6">
        <v>2126694001.9100001</v>
      </c>
      <c r="F22" s="6">
        <v>1481785385.9300001</v>
      </c>
    </row>
    <row r="23" spans="1:6" x14ac:dyDescent="0.25">
      <c r="A23" s="3" t="s">
        <v>38</v>
      </c>
      <c r="B23" s="5" t="s">
        <v>926</v>
      </c>
      <c r="C23" s="6">
        <v>717755800</v>
      </c>
      <c r="D23" s="6">
        <v>1981615800</v>
      </c>
      <c r="E23" s="6">
        <v>2096437580.3399999</v>
      </c>
      <c r="F23" s="6">
        <v>1239326830.8599999</v>
      </c>
    </row>
    <row r="24" spans="1:6" x14ac:dyDescent="0.25">
      <c r="A24" s="2" t="s">
        <v>40</v>
      </c>
      <c r="B24" s="4" t="s">
        <v>927</v>
      </c>
      <c r="C24" s="7">
        <v>361681500</v>
      </c>
      <c r="D24" s="7">
        <v>1396066500</v>
      </c>
      <c r="E24" s="7">
        <v>1490517437.0699999</v>
      </c>
      <c r="F24" s="7">
        <v>690012915.60000002</v>
      </c>
    </row>
    <row r="25" spans="1:6" x14ac:dyDescent="0.25">
      <c r="A25" s="2" t="s">
        <v>42</v>
      </c>
      <c r="B25" s="4" t="s">
        <v>928</v>
      </c>
      <c r="C25" s="7">
        <v>308837100</v>
      </c>
      <c r="D25" s="7">
        <v>538312100</v>
      </c>
      <c r="E25" s="7">
        <v>523753972.08999997</v>
      </c>
      <c r="F25" s="7">
        <v>483515646.55000001</v>
      </c>
    </row>
    <row r="26" spans="1:6" x14ac:dyDescent="0.25">
      <c r="A26" s="2" t="s">
        <v>44</v>
      </c>
      <c r="B26" s="4" t="s">
        <v>929</v>
      </c>
      <c r="C26" s="7">
        <v>47237200</v>
      </c>
      <c r="D26" s="7">
        <v>47237200</v>
      </c>
      <c r="E26" s="7">
        <v>82166171.180000007</v>
      </c>
      <c r="F26" s="7">
        <v>65798268.710000001</v>
      </c>
    </row>
    <row r="27" spans="1:6" x14ac:dyDescent="0.25">
      <c r="A27" s="3" t="s">
        <v>46</v>
      </c>
      <c r="B27" s="5" t="s">
        <v>930</v>
      </c>
      <c r="C27" s="6">
        <v>160166500</v>
      </c>
      <c r="D27" s="6">
        <v>160166500</v>
      </c>
      <c r="E27" s="6">
        <v>30256421.57</v>
      </c>
      <c r="F27" s="6">
        <v>242458555.06999999</v>
      </c>
    </row>
    <row r="28" spans="1:6" x14ac:dyDescent="0.25">
      <c r="A28" s="2" t="s">
        <v>48</v>
      </c>
      <c r="B28" s="4" t="s">
        <v>927</v>
      </c>
      <c r="C28" s="7">
        <v>84960500</v>
      </c>
      <c r="D28" s="7">
        <v>84960500</v>
      </c>
      <c r="E28" s="7">
        <v>10708908.869999999</v>
      </c>
      <c r="F28" s="7">
        <v>121365839.37</v>
      </c>
    </row>
    <row r="29" spans="1:6" x14ac:dyDescent="0.25">
      <c r="A29" s="2" t="s">
        <v>50</v>
      </c>
      <c r="B29" s="4" t="s">
        <v>928</v>
      </c>
      <c r="C29" s="7">
        <v>66083900</v>
      </c>
      <c r="D29" s="7">
        <v>66083900</v>
      </c>
      <c r="E29" s="7">
        <v>17248915.93</v>
      </c>
      <c r="F29" s="7">
        <v>106913905.06</v>
      </c>
    </row>
    <row r="30" spans="1:6" x14ac:dyDescent="0.25">
      <c r="A30" s="2" t="s">
        <v>52</v>
      </c>
      <c r="B30" s="4" t="s">
        <v>929</v>
      </c>
      <c r="C30" s="7">
        <v>9122100</v>
      </c>
      <c r="D30" s="7">
        <v>9122100</v>
      </c>
      <c r="E30" s="7">
        <v>2298596.77</v>
      </c>
      <c r="F30" s="7">
        <v>14178810.640000001</v>
      </c>
    </row>
    <row r="31" spans="1:6" x14ac:dyDescent="0.25">
      <c r="A31" s="3" t="s">
        <v>54</v>
      </c>
      <c r="B31" s="5" t="s">
        <v>932</v>
      </c>
      <c r="C31" s="6">
        <v>9396900</v>
      </c>
      <c r="D31" s="6">
        <v>9396900</v>
      </c>
      <c r="E31" s="6">
        <v>1324447.67</v>
      </c>
      <c r="F31" s="6">
        <v>572559.85</v>
      </c>
    </row>
    <row r="32" spans="1:6" x14ac:dyDescent="0.25">
      <c r="A32" s="2" t="s">
        <v>56</v>
      </c>
      <c r="B32" s="4" t="s">
        <v>933</v>
      </c>
      <c r="C32" s="7">
        <v>0</v>
      </c>
      <c r="D32" s="7">
        <v>0</v>
      </c>
      <c r="E32" s="7">
        <v>0</v>
      </c>
      <c r="F32" s="7">
        <v>0</v>
      </c>
    </row>
    <row r="33" spans="1:10" x14ac:dyDescent="0.25">
      <c r="A33" s="2" t="s">
        <v>58</v>
      </c>
      <c r="B33" s="4" t="s">
        <v>934</v>
      </c>
      <c r="C33" s="7">
        <v>9396900</v>
      </c>
      <c r="D33" s="7">
        <v>9396900</v>
      </c>
      <c r="E33" s="7">
        <v>1324447.67</v>
      </c>
      <c r="F33" s="7">
        <v>572559.85</v>
      </c>
    </row>
    <row r="34" spans="1:10" x14ac:dyDescent="0.25">
      <c r="A34" s="2" t="s">
        <v>60</v>
      </c>
      <c r="B34" s="4" t="s">
        <v>935</v>
      </c>
      <c r="C34" s="7">
        <v>0</v>
      </c>
      <c r="D34" s="7">
        <v>0</v>
      </c>
      <c r="E34" s="7">
        <v>0</v>
      </c>
      <c r="F34" s="7">
        <v>0</v>
      </c>
    </row>
    <row r="35" spans="1:10" x14ac:dyDescent="0.25">
      <c r="A35" s="2" t="s">
        <v>62</v>
      </c>
      <c r="B35" s="4" t="s">
        <v>936</v>
      </c>
      <c r="C35" s="7">
        <v>0</v>
      </c>
      <c r="D35" s="7">
        <v>0</v>
      </c>
      <c r="E35" s="7">
        <v>0</v>
      </c>
      <c r="F35" s="7">
        <v>0</v>
      </c>
    </row>
    <row r="36" spans="1:10" x14ac:dyDescent="0.25">
      <c r="A36" s="3" t="s">
        <v>64</v>
      </c>
      <c r="B36" s="5" t="s">
        <v>937</v>
      </c>
      <c r="C36" s="6">
        <v>427835900</v>
      </c>
      <c r="D36" s="6">
        <v>427835900</v>
      </c>
      <c r="E36" s="6">
        <v>18778352.440000001</v>
      </c>
      <c r="F36" s="6">
        <v>740479693.38999999</v>
      </c>
    </row>
    <row r="37" spans="1:10" x14ac:dyDescent="0.25">
      <c r="A37" s="2" t="s">
        <v>66</v>
      </c>
      <c r="B37" s="4" t="s">
        <v>938</v>
      </c>
      <c r="C37" s="7">
        <v>0</v>
      </c>
      <c r="D37" s="7">
        <v>0</v>
      </c>
      <c r="E37" s="7">
        <v>18506090.010000002</v>
      </c>
      <c r="F37" s="7">
        <v>61436.52</v>
      </c>
    </row>
    <row r="38" spans="1:10" x14ac:dyDescent="0.25">
      <c r="A38" s="2" t="s">
        <v>68</v>
      </c>
      <c r="B38" s="4" t="s">
        <v>939</v>
      </c>
      <c r="C38" s="7">
        <v>427835900</v>
      </c>
      <c r="D38" s="7">
        <v>427835900</v>
      </c>
      <c r="E38" s="7">
        <v>0</v>
      </c>
      <c r="F38" s="7">
        <v>739743969.80999994</v>
      </c>
    </row>
    <row r="39" spans="1:10" x14ac:dyDescent="0.25">
      <c r="A39" s="2" t="s">
        <v>70</v>
      </c>
      <c r="B39" s="4" t="s">
        <v>940</v>
      </c>
      <c r="C39" s="7">
        <v>0</v>
      </c>
      <c r="D39" s="7">
        <v>0</v>
      </c>
      <c r="E39" s="7">
        <v>272262.43</v>
      </c>
      <c r="F39" s="7">
        <v>674287.06</v>
      </c>
    </row>
    <row r="40" spans="1:10" x14ac:dyDescent="0.25">
      <c r="A40" s="3" t="s">
        <v>72</v>
      </c>
      <c r="B40" s="5" t="s">
        <v>941</v>
      </c>
      <c r="C40" s="6">
        <v>0</v>
      </c>
      <c r="D40" s="6">
        <v>0</v>
      </c>
      <c r="E40" s="6">
        <v>0</v>
      </c>
      <c r="F40" s="6">
        <v>0</v>
      </c>
    </row>
    <row r="41" spans="1:10" x14ac:dyDescent="0.25">
      <c r="A41" s="2" t="s">
        <v>74</v>
      </c>
      <c r="B41" s="4" t="s">
        <v>942</v>
      </c>
      <c r="C41" s="7">
        <v>0</v>
      </c>
      <c r="D41" s="7">
        <v>0</v>
      </c>
      <c r="E41" s="7">
        <v>0</v>
      </c>
      <c r="F41" s="7">
        <v>0</v>
      </c>
    </row>
    <row r="42" spans="1:10" x14ac:dyDescent="0.25">
      <c r="A42" s="2" t="s">
        <v>76</v>
      </c>
      <c r="B42" s="4" t="s">
        <v>943</v>
      </c>
      <c r="C42" s="7">
        <v>0</v>
      </c>
      <c r="D42" s="7">
        <v>0</v>
      </c>
      <c r="E42" s="7">
        <v>0</v>
      </c>
      <c r="F42" s="7">
        <v>0</v>
      </c>
    </row>
    <row r="43" spans="1:10" x14ac:dyDescent="0.25">
      <c r="A43" s="2" t="s">
        <v>78</v>
      </c>
      <c r="B43" s="4" t="s">
        <v>944</v>
      </c>
      <c r="C43" s="7">
        <v>0</v>
      </c>
      <c r="D43" s="7">
        <v>0</v>
      </c>
      <c r="E43" s="7">
        <v>0</v>
      </c>
      <c r="F43" s="7">
        <v>0</v>
      </c>
    </row>
    <row r="44" spans="1:10" x14ac:dyDescent="0.25">
      <c r="A44" s="2" t="s">
        <v>80</v>
      </c>
      <c r="B44" s="4" t="s">
        <v>945</v>
      </c>
      <c r="C44" s="7">
        <v>1627356500</v>
      </c>
      <c r="D44" s="7">
        <v>2912831500</v>
      </c>
      <c r="E44" s="7">
        <v>2702167343.0500002</v>
      </c>
      <c r="F44" s="7">
        <v>2067890578.6300001</v>
      </c>
    </row>
    <row r="46" spans="1:10" x14ac:dyDescent="0.25">
      <c r="A46" s="8" t="s">
        <v>6</v>
      </c>
      <c r="B46" s="8" t="s">
        <v>946</v>
      </c>
      <c r="C46" s="8" t="s">
        <v>503</v>
      </c>
      <c r="D46" s="8" t="s">
        <v>947</v>
      </c>
      <c r="E46" s="8" t="s">
        <v>167</v>
      </c>
      <c r="F46" s="8" t="s">
        <v>5</v>
      </c>
      <c r="G46" s="8" t="s">
        <v>171</v>
      </c>
      <c r="H46" s="8" t="s">
        <v>5</v>
      </c>
      <c r="I46" s="8" t="s">
        <v>948</v>
      </c>
      <c r="J46" s="8" t="s">
        <v>948</v>
      </c>
    </row>
    <row r="47" spans="1:10" ht="21" x14ac:dyDescent="0.25">
      <c r="A47" s="8" t="s">
        <v>5</v>
      </c>
      <c r="B47" s="8" t="s">
        <v>5</v>
      </c>
      <c r="C47" s="8" t="s">
        <v>5</v>
      </c>
      <c r="D47" s="8" t="s">
        <v>5</v>
      </c>
      <c r="E47" s="1" t="s">
        <v>922</v>
      </c>
      <c r="F47" s="1" t="s">
        <v>923</v>
      </c>
      <c r="G47" s="1" t="s">
        <v>922</v>
      </c>
      <c r="H47" s="1" t="s">
        <v>923</v>
      </c>
      <c r="I47" s="1" t="s">
        <v>949</v>
      </c>
      <c r="J47" s="1" t="s">
        <v>950</v>
      </c>
    </row>
    <row r="48" spans="1:10" x14ac:dyDescent="0.25">
      <c r="A48" s="3" t="s">
        <v>82</v>
      </c>
      <c r="B48" s="5" t="s">
        <v>951</v>
      </c>
      <c r="C48" s="6">
        <v>1718721400</v>
      </c>
      <c r="D48" s="6">
        <v>3277011749.6100001</v>
      </c>
      <c r="E48" s="6">
        <v>3044366420.7600002</v>
      </c>
      <c r="F48" s="6">
        <v>2780966521.8299999</v>
      </c>
      <c r="G48" s="6">
        <v>3044366420.7600002</v>
      </c>
      <c r="H48" s="6">
        <v>2780953742.2800002</v>
      </c>
      <c r="I48" s="6">
        <v>0</v>
      </c>
      <c r="J48" s="6">
        <v>12779.55</v>
      </c>
    </row>
    <row r="49" spans="1:10" x14ac:dyDescent="0.25">
      <c r="A49" s="2" t="s">
        <v>84</v>
      </c>
      <c r="B49" s="4" t="s">
        <v>952</v>
      </c>
      <c r="C49" s="7">
        <v>1500251300</v>
      </c>
      <c r="D49" s="7">
        <v>2846524126.8800001</v>
      </c>
      <c r="E49" s="7">
        <v>2648266430.1999998</v>
      </c>
      <c r="F49" s="7">
        <v>2404991749.7399998</v>
      </c>
      <c r="G49" s="7">
        <v>2648266430.1999998</v>
      </c>
      <c r="H49" s="7">
        <v>2404991749.7399998</v>
      </c>
      <c r="I49" s="7">
        <v>0</v>
      </c>
      <c r="J49" s="7">
        <v>0</v>
      </c>
    </row>
    <row r="50" spans="1:10" x14ac:dyDescent="0.25">
      <c r="A50" s="2" t="s">
        <v>86</v>
      </c>
      <c r="B50" s="4" t="s">
        <v>953</v>
      </c>
      <c r="C50" s="7">
        <v>179524400</v>
      </c>
      <c r="D50" s="7">
        <v>420337406.80000001</v>
      </c>
      <c r="E50" s="7">
        <v>389865704.5</v>
      </c>
      <c r="F50" s="7">
        <v>353373278.79000002</v>
      </c>
      <c r="G50" s="7">
        <v>389865704.5</v>
      </c>
      <c r="H50" s="7">
        <v>353373278.79000002</v>
      </c>
      <c r="I50" s="7">
        <v>0</v>
      </c>
      <c r="J50" s="7">
        <v>0</v>
      </c>
    </row>
    <row r="51" spans="1:10" x14ac:dyDescent="0.25">
      <c r="A51" s="2" t="s">
        <v>88</v>
      </c>
      <c r="B51" s="4" t="s">
        <v>954</v>
      </c>
      <c r="C51" s="7">
        <v>38945700</v>
      </c>
      <c r="D51" s="7">
        <v>10150215.93</v>
      </c>
      <c r="E51" s="7">
        <v>6234286.0599999996</v>
      </c>
      <c r="F51" s="7">
        <v>22601493.300000001</v>
      </c>
      <c r="G51" s="7">
        <v>6234286.0599999996</v>
      </c>
      <c r="H51" s="7">
        <v>22588713.75</v>
      </c>
      <c r="I51" s="7">
        <v>0</v>
      </c>
      <c r="J51" s="7">
        <v>12779.55</v>
      </c>
    </row>
    <row r="52" spans="1:10" x14ac:dyDescent="0.25">
      <c r="A52" s="3" t="s">
        <v>90</v>
      </c>
      <c r="B52" s="5" t="s">
        <v>955</v>
      </c>
      <c r="C52" s="6">
        <v>305401400</v>
      </c>
      <c r="D52" s="6">
        <v>638173826.82000005</v>
      </c>
      <c r="E52" s="6">
        <v>590457926.76999998</v>
      </c>
      <c r="F52" s="6">
        <v>494704607.69</v>
      </c>
      <c r="G52" s="6">
        <v>590457926.76999998</v>
      </c>
      <c r="H52" s="6">
        <v>494704607.69</v>
      </c>
      <c r="I52" s="6">
        <v>0</v>
      </c>
      <c r="J52" s="6">
        <v>0</v>
      </c>
    </row>
    <row r="53" spans="1:10" x14ac:dyDescent="0.25">
      <c r="A53" s="2" t="s">
        <v>92</v>
      </c>
      <c r="B53" s="4" t="s">
        <v>956</v>
      </c>
      <c r="C53" s="7">
        <v>262000000</v>
      </c>
      <c r="D53" s="7">
        <v>558385248.25</v>
      </c>
      <c r="E53" s="7">
        <v>517576558.99000001</v>
      </c>
      <c r="F53" s="7">
        <v>431008780.24000001</v>
      </c>
      <c r="G53" s="7">
        <v>517576558.99000001</v>
      </c>
      <c r="H53" s="7">
        <v>431008780.24000001</v>
      </c>
      <c r="I53" s="7">
        <v>0</v>
      </c>
      <c r="J53" s="7">
        <v>0</v>
      </c>
    </row>
    <row r="54" spans="1:10" x14ac:dyDescent="0.25">
      <c r="A54" s="2" t="s">
        <v>94</v>
      </c>
      <c r="B54" s="4" t="s">
        <v>953</v>
      </c>
      <c r="C54" s="7">
        <v>40238200</v>
      </c>
      <c r="D54" s="7">
        <v>78439766.019999996</v>
      </c>
      <c r="E54" s="7">
        <v>72092002.590000004</v>
      </c>
      <c r="F54" s="7">
        <v>62611467.609999999</v>
      </c>
      <c r="G54" s="7">
        <v>72092002.590000004</v>
      </c>
      <c r="H54" s="7">
        <v>62611467.609999999</v>
      </c>
      <c r="I54" s="7">
        <v>0</v>
      </c>
      <c r="J54" s="7">
        <v>0</v>
      </c>
    </row>
    <row r="55" spans="1:10" x14ac:dyDescent="0.25">
      <c r="A55" s="2" t="s">
        <v>96</v>
      </c>
      <c r="B55" s="4" t="s">
        <v>954</v>
      </c>
      <c r="C55" s="7">
        <v>3163200</v>
      </c>
      <c r="D55" s="7">
        <v>1348812.55</v>
      </c>
      <c r="E55" s="7">
        <v>789365.19</v>
      </c>
      <c r="F55" s="7">
        <v>1084359.8400000001</v>
      </c>
      <c r="G55" s="7">
        <v>789365.19</v>
      </c>
      <c r="H55" s="7">
        <v>1084359.8400000001</v>
      </c>
      <c r="I55" s="7">
        <v>0</v>
      </c>
      <c r="J55" s="7">
        <v>0</v>
      </c>
    </row>
    <row r="56" spans="1:10" x14ac:dyDescent="0.25">
      <c r="A56" s="3" t="s">
        <v>98</v>
      </c>
      <c r="B56" s="5" t="s">
        <v>957</v>
      </c>
      <c r="C56" s="6">
        <v>36000</v>
      </c>
      <c r="D56" s="6">
        <v>4036000</v>
      </c>
      <c r="E56" s="6">
        <v>657746.38</v>
      </c>
      <c r="F56" s="6">
        <v>632067.91</v>
      </c>
      <c r="G56" s="6">
        <v>657746.38</v>
      </c>
      <c r="H56" s="6">
        <v>632067.91</v>
      </c>
      <c r="I56" s="6">
        <v>0</v>
      </c>
      <c r="J56" s="6">
        <v>0</v>
      </c>
    </row>
    <row r="57" spans="1:10" x14ac:dyDescent="0.25">
      <c r="A57" s="2" t="s">
        <v>100</v>
      </c>
      <c r="B57" s="4" t="s">
        <v>958</v>
      </c>
      <c r="C57" s="7">
        <v>36000</v>
      </c>
      <c r="D57" s="7">
        <v>4036000</v>
      </c>
      <c r="E57" s="7">
        <v>657746.38</v>
      </c>
      <c r="F57" s="7">
        <v>632067.91</v>
      </c>
      <c r="G57" s="7">
        <v>657746.38</v>
      </c>
      <c r="H57" s="7">
        <v>632067.91</v>
      </c>
      <c r="I57" s="7">
        <v>0</v>
      </c>
      <c r="J57" s="7">
        <v>0</v>
      </c>
    </row>
    <row r="58" spans="1:10" x14ac:dyDescent="0.25">
      <c r="A58" s="2" t="s">
        <v>102</v>
      </c>
      <c r="B58" s="4" t="s">
        <v>959</v>
      </c>
      <c r="C58" s="7">
        <v>0</v>
      </c>
      <c r="D58" s="7">
        <v>0</v>
      </c>
      <c r="E58" s="7">
        <v>0</v>
      </c>
      <c r="F58" s="7">
        <v>0</v>
      </c>
      <c r="G58" s="7">
        <v>0</v>
      </c>
      <c r="H58" s="7">
        <v>0</v>
      </c>
      <c r="I58" s="7">
        <v>0</v>
      </c>
      <c r="J58" s="7">
        <v>0</v>
      </c>
    </row>
    <row r="59" spans="1:10" x14ac:dyDescent="0.25">
      <c r="A59" s="3" t="s">
        <v>104</v>
      </c>
      <c r="B59" s="5" t="s">
        <v>960</v>
      </c>
      <c r="C59" s="6">
        <v>2024158800</v>
      </c>
      <c r="D59" s="6">
        <v>3919221576.4299998</v>
      </c>
      <c r="E59" s="6">
        <v>3635482093.9099998</v>
      </c>
      <c r="F59" s="6">
        <v>3276303197.4299998</v>
      </c>
      <c r="G59" s="6">
        <v>3635482093.9099998</v>
      </c>
      <c r="H59" s="6">
        <v>3276290417.8800001</v>
      </c>
      <c r="I59" s="6">
        <v>0</v>
      </c>
      <c r="J59" s="6">
        <v>12779.55</v>
      </c>
    </row>
    <row r="61" spans="1:10" x14ac:dyDescent="0.25">
      <c r="A61" s="8" t="s">
        <v>6</v>
      </c>
      <c r="B61" s="8" t="s">
        <v>961</v>
      </c>
      <c r="C61" s="8" t="s">
        <v>503</v>
      </c>
      <c r="D61" s="8" t="s">
        <v>947</v>
      </c>
      <c r="E61" s="8" t="s">
        <v>167</v>
      </c>
      <c r="F61" s="8" t="s">
        <v>5</v>
      </c>
      <c r="G61" s="8" t="s">
        <v>171</v>
      </c>
      <c r="H61" s="8" t="s">
        <v>5</v>
      </c>
      <c r="I61" s="8" t="s">
        <v>948</v>
      </c>
      <c r="J61" s="8" t="s">
        <v>948</v>
      </c>
    </row>
    <row r="62" spans="1:10" ht="21" x14ac:dyDescent="0.25">
      <c r="A62" s="8" t="s">
        <v>5</v>
      </c>
      <c r="B62" s="8" t="s">
        <v>5</v>
      </c>
      <c r="C62" s="8" t="s">
        <v>5</v>
      </c>
      <c r="D62" s="8" t="s">
        <v>5</v>
      </c>
      <c r="E62" s="1" t="s">
        <v>922</v>
      </c>
      <c r="F62" s="1" t="s">
        <v>923</v>
      </c>
      <c r="G62" s="1" t="s">
        <v>922</v>
      </c>
      <c r="H62" s="1" t="s">
        <v>923</v>
      </c>
      <c r="I62" s="1" t="s">
        <v>949</v>
      </c>
      <c r="J62" s="1" t="s">
        <v>950</v>
      </c>
    </row>
    <row r="63" spans="1:10" x14ac:dyDescent="0.25">
      <c r="A63" s="2" t="s">
        <v>106</v>
      </c>
      <c r="B63" s="4" t="s">
        <v>962</v>
      </c>
      <c r="C63" s="7">
        <v>-396802300</v>
      </c>
      <c r="D63" s="7">
        <v>-1006390076.4299999</v>
      </c>
      <c r="E63" s="7">
        <v>-933314750.86000001</v>
      </c>
      <c r="F63" s="7">
        <v>-1208412618.8</v>
      </c>
      <c r="G63" s="7">
        <v>-933314750.86000001</v>
      </c>
      <c r="H63" s="7">
        <v>-1208399839.25</v>
      </c>
      <c r="I63" s="7">
        <v>0</v>
      </c>
      <c r="J63" s="7">
        <v>-12779.55</v>
      </c>
    </row>
    <row r="65" spans="1:4" x14ac:dyDescent="0.25">
      <c r="A65" s="8" t="s">
        <v>6</v>
      </c>
      <c r="B65" s="8" t="s">
        <v>963</v>
      </c>
      <c r="C65" s="8" t="s">
        <v>964</v>
      </c>
    </row>
    <row r="66" spans="1:4" x14ac:dyDescent="0.25">
      <c r="A66" s="8" t="s">
        <v>5</v>
      </c>
      <c r="B66" s="8" t="s">
        <v>5</v>
      </c>
      <c r="C66" s="8" t="s">
        <v>5</v>
      </c>
    </row>
    <row r="67" spans="1:4" x14ac:dyDescent="0.25">
      <c r="A67" s="2" t="s">
        <v>108</v>
      </c>
      <c r="B67" s="4" t="s">
        <v>965</v>
      </c>
      <c r="C67" s="7">
        <v>0</v>
      </c>
    </row>
    <row r="69" spans="1:4" x14ac:dyDescent="0.25">
      <c r="A69" s="8" t="s">
        <v>6</v>
      </c>
      <c r="B69" s="8" t="s">
        <v>966</v>
      </c>
      <c r="C69" s="8" t="s">
        <v>964</v>
      </c>
    </row>
    <row r="70" spans="1:4" x14ac:dyDescent="0.25">
      <c r="A70" s="8" t="s">
        <v>5</v>
      </c>
      <c r="B70" s="8" t="s">
        <v>5</v>
      </c>
      <c r="C70" s="8" t="s">
        <v>5</v>
      </c>
    </row>
    <row r="71" spans="1:4" x14ac:dyDescent="0.25">
      <c r="A71" s="2" t="s">
        <v>110</v>
      </c>
      <c r="B71" s="4" t="s">
        <v>965</v>
      </c>
      <c r="C71" s="7">
        <v>0</v>
      </c>
    </row>
    <row r="73" spans="1:4" x14ac:dyDescent="0.25">
      <c r="A73" s="8" t="s">
        <v>6</v>
      </c>
      <c r="B73" s="8" t="s">
        <v>967</v>
      </c>
      <c r="C73" s="8" t="s">
        <v>968</v>
      </c>
    </row>
    <row r="74" spans="1:4" x14ac:dyDescent="0.25">
      <c r="A74" s="8" t="s">
        <v>5</v>
      </c>
      <c r="B74" s="8" t="s">
        <v>5</v>
      </c>
      <c r="C74" s="8" t="s">
        <v>5</v>
      </c>
    </row>
    <row r="75" spans="1:4" x14ac:dyDescent="0.25">
      <c r="A75" s="2" t="s">
        <v>112</v>
      </c>
      <c r="B75" s="4" t="s">
        <v>969</v>
      </c>
      <c r="C75" s="7">
        <v>0</v>
      </c>
    </row>
    <row r="76" spans="1:4" x14ac:dyDescent="0.25">
      <c r="A76" s="2" t="s">
        <v>114</v>
      </c>
      <c r="B76" s="4" t="s">
        <v>970</v>
      </c>
      <c r="C76" s="7">
        <v>0</v>
      </c>
    </row>
    <row r="77" spans="1:4" x14ac:dyDescent="0.25">
      <c r="A77" s="2" t="s">
        <v>116</v>
      </c>
      <c r="B77" s="4" t="s">
        <v>971</v>
      </c>
      <c r="C77" s="7">
        <v>0</v>
      </c>
    </row>
    <row r="78" spans="1:4" x14ac:dyDescent="0.25">
      <c r="A78" s="2" t="s">
        <v>118</v>
      </c>
      <c r="B78" s="4" t="s">
        <v>972</v>
      </c>
      <c r="C78" s="7">
        <v>675467992.00999999</v>
      </c>
    </row>
    <row r="80" spans="1:4" x14ac:dyDescent="0.25">
      <c r="A80" s="8" t="s">
        <v>6</v>
      </c>
      <c r="B80" s="8" t="s">
        <v>973</v>
      </c>
      <c r="C80" s="8" t="s">
        <v>974</v>
      </c>
      <c r="D80" s="8" t="s">
        <v>974</v>
      </c>
    </row>
    <row r="81" spans="1:6" x14ac:dyDescent="0.25">
      <c r="A81" s="8" t="s">
        <v>5</v>
      </c>
      <c r="B81" s="8" t="s">
        <v>5</v>
      </c>
      <c r="C81" s="1" t="s">
        <v>373</v>
      </c>
      <c r="D81" s="1" t="s">
        <v>975</v>
      </c>
    </row>
    <row r="82" spans="1:6" x14ac:dyDescent="0.25">
      <c r="A82" s="2" t="s">
        <v>119</v>
      </c>
      <c r="B82" s="4" t="s">
        <v>976</v>
      </c>
      <c r="C82" s="7">
        <v>78063057.549999997</v>
      </c>
      <c r="D82" s="7">
        <v>6672.17</v>
      </c>
    </row>
    <row r="83" spans="1:6" x14ac:dyDescent="0.25">
      <c r="A83" s="2" t="s">
        <v>120</v>
      </c>
      <c r="B83" s="4" t="s">
        <v>977</v>
      </c>
      <c r="C83" s="7">
        <v>96064104.950000003</v>
      </c>
      <c r="D83" s="7">
        <v>85688256.840000004</v>
      </c>
    </row>
    <row r="84" spans="1:6" x14ac:dyDescent="0.25">
      <c r="A84" s="2" t="s">
        <v>121</v>
      </c>
      <c r="B84" s="4" t="s">
        <v>978</v>
      </c>
      <c r="C84" s="7">
        <v>0</v>
      </c>
      <c r="D84" s="7">
        <v>0</v>
      </c>
    </row>
    <row r="86" spans="1:6" x14ac:dyDescent="0.25">
      <c r="A86" s="8" t="s">
        <v>6</v>
      </c>
      <c r="B86" s="8" t="s">
        <v>920</v>
      </c>
      <c r="C86" s="8" t="s">
        <v>8</v>
      </c>
      <c r="D86" s="8" t="s">
        <v>921</v>
      </c>
      <c r="E86" s="8" t="s">
        <v>10</v>
      </c>
      <c r="F86" s="8" t="s">
        <v>10</v>
      </c>
    </row>
    <row r="87" spans="1:6" ht="21" x14ac:dyDescent="0.25">
      <c r="A87" s="8" t="s">
        <v>5</v>
      </c>
      <c r="B87" s="8" t="s">
        <v>5</v>
      </c>
      <c r="C87" s="8" t="s">
        <v>5</v>
      </c>
      <c r="D87" s="8" t="s">
        <v>5</v>
      </c>
      <c r="E87" s="1" t="s">
        <v>922</v>
      </c>
      <c r="F87" s="1" t="s">
        <v>923</v>
      </c>
    </row>
    <row r="88" spans="1:6" x14ac:dyDescent="0.25">
      <c r="A88" s="3" t="s">
        <v>122</v>
      </c>
      <c r="B88" s="5" t="s">
        <v>979</v>
      </c>
      <c r="C88" s="6">
        <v>0</v>
      </c>
      <c r="D88" s="6">
        <v>0</v>
      </c>
      <c r="E88" s="6">
        <v>0</v>
      </c>
      <c r="F88" s="6">
        <v>0</v>
      </c>
    </row>
    <row r="89" spans="1:6" x14ac:dyDescent="0.25">
      <c r="A89" s="3" t="s">
        <v>123</v>
      </c>
      <c r="B89" s="5" t="s">
        <v>980</v>
      </c>
      <c r="C89" s="6">
        <v>0</v>
      </c>
      <c r="D89" s="6">
        <v>0</v>
      </c>
      <c r="E89" s="6">
        <v>0</v>
      </c>
      <c r="F89" s="6">
        <v>0</v>
      </c>
    </row>
    <row r="90" spans="1:6" x14ac:dyDescent="0.25">
      <c r="A90" s="3" t="s">
        <v>124</v>
      </c>
      <c r="B90" s="5" t="s">
        <v>981</v>
      </c>
      <c r="C90" s="6">
        <v>0</v>
      </c>
      <c r="D90" s="6">
        <v>0</v>
      </c>
      <c r="E90" s="6">
        <v>0</v>
      </c>
      <c r="F90" s="6">
        <v>0</v>
      </c>
    </row>
    <row r="91" spans="1:6" x14ac:dyDescent="0.25">
      <c r="A91" s="2" t="s">
        <v>125</v>
      </c>
      <c r="B91" s="4" t="s">
        <v>982</v>
      </c>
      <c r="C91" s="7">
        <v>0</v>
      </c>
      <c r="D91" s="7">
        <v>0</v>
      </c>
      <c r="E91" s="7">
        <v>0</v>
      </c>
      <c r="F91" s="7">
        <v>0</v>
      </c>
    </row>
    <row r="92" spans="1:6" x14ac:dyDescent="0.25">
      <c r="A92" s="2" t="s">
        <v>126</v>
      </c>
      <c r="B92" s="4" t="s">
        <v>983</v>
      </c>
      <c r="C92" s="7">
        <v>0</v>
      </c>
      <c r="D92" s="7">
        <v>0</v>
      </c>
      <c r="E92" s="7">
        <v>0</v>
      </c>
      <c r="F92" s="7">
        <v>0</v>
      </c>
    </row>
    <row r="93" spans="1:6" x14ac:dyDescent="0.25">
      <c r="A93" s="2" t="s">
        <v>128</v>
      </c>
      <c r="B93" s="4" t="s">
        <v>984</v>
      </c>
      <c r="C93" s="7">
        <v>0</v>
      </c>
      <c r="D93" s="7">
        <v>0</v>
      </c>
      <c r="E93" s="7">
        <v>0</v>
      </c>
      <c r="F93" s="7">
        <v>0</v>
      </c>
    </row>
    <row r="94" spans="1:6" x14ac:dyDescent="0.25">
      <c r="A94" s="3" t="s">
        <v>130</v>
      </c>
      <c r="B94" s="5" t="s">
        <v>985</v>
      </c>
      <c r="C94" s="6">
        <v>0</v>
      </c>
      <c r="D94" s="6">
        <v>0</v>
      </c>
      <c r="E94" s="6">
        <v>0</v>
      </c>
      <c r="F94" s="6">
        <v>0</v>
      </c>
    </row>
    <row r="95" spans="1:6" x14ac:dyDescent="0.25">
      <c r="A95" s="2" t="s">
        <v>132</v>
      </c>
      <c r="B95" s="4" t="s">
        <v>982</v>
      </c>
      <c r="C95" s="7">
        <v>0</v>
      </c>
      <c r="D95" s="7">
        <v>0</v>
      </c>
      <c r="E95" s="7">
        <v>0</v>
      </c>
      <c r="F95" s="7">
        <v>0</v>
      </c>
    </row>
    <row r="96" spans="1:6" x14ac:dyDescent="0.25">
      <c r="A96" s="2" t="s">
        <v>134</v>
      </c>
      <c r="B96" s="4" t="s">
        <v>983</v>
      </c>
      <c r="C96" s="7">
        <v>0</v>
      </c>
      <c r="D96" s="7">
        <v>0</v>
      </c>
      <c r="E96" s="7">
        <v>0</v>
      </c>
      <c r="F96" s="7">
        <v>0</v>
      </c>
    </row>
    <row r="97" spans="1:6" x14ac:dyDescent="0.25">
      <c r="A97" s="2" t="s">
        <v>136</v>
      </c>
      <c r="B97" s="4" t="s">
        <v>984</v>
      </c>
      <c r="C97" s="7">
        <v>0</v>
      </c>
      <c r="D97" s="7">
        <v>0</v>
      </c>
      <c r="E97" s="7">
        <v>0</v>
      </c>
      <c r="F97" s="7">
        <v>0</v>
      </c>
    </row>
    <row r="98" spans="1:6" x14ac:dyDescent="0.25">
      <c r="A98" s="3" t="s">
        <v>138</v>
      </c>
      <c r="B98" s="5" t="s">
        <v>986</v>
      </c>
      <c r="C98" s="6">
        <v>0</v>
      </c>
      <c r="D98" s="6">
        <v>0</v>
      </c>
      <c r="E98" s="6">
        <v>0</v>
      </c>
      <c r="F98" s="6">
        <v>0</v>
      </c>
    </row>
    <row r="99" spans="1:6" x14ac:dyDescent="0.25">
      <c r="A99" s="3" t="s">
        <v>140</v>
      </c>
      <c r="B99" s="5" t="s">
        <v>981</v>
      </c>
      <c r="C99" s="6">
        <v>0</v>
      </c>
      <c r="D99" s="6">
        <v>0</v>
      </c>
      <c r="E99" s="6">
        <v>0</v>
      </c>
      <c r="F99" s="6">
        <v>0</v>
      </c>
    </row>
    <row r="100" spans="1:6" x14ac:dyDescent="0.25">
      <c r="A100" s="2" t="s">
        <v>142</v>
      </c>
      <c r="B100" s="4" t="s">
        <v>982</v>
      </c>
      <c r="C100" s="7">
        <v>0</v>
      </c>
      <c r="D100" s="7">
        <v>0</v>
      </c>
      <c r="E100" s="7">
        <v>0</v>
      </c>
      <c r="F100" s="7">
        <v>0</v>
      </c>
    </row>
    <row r="101" spans="1:6" x14ac:dyDescent="0.25">
      <c r="A101" s="2" t="s">
        <v>144</v>
      </c>
      <c r="B101" s="4" t="s">
        <v>983</v>
      </c>
      <c r="C101" s="7">
        <v>0</v>
      </c>
      <c r="D101" s="7">
        <v>0</v>
      </c>
      <c r="E101" s="7">
        <v>0</v>
      </c>
      <c r="F101" s="7">
        <v>0</v>
      </c>
    </row>
    <row r="102" spans="1:6" x14ac:dyDescent="0.25">
      <c r="A102" s="2" t="s">
        <v>146</v>
      </c>
      <c r="B102" s="4" t="s">
        <v>984</v>
      </c>
      <c r="C102" s="7">
        <v>0</v>
      </c>
      <c r="D102" s="7">
        <v>0</v>
      </c>
      <c r="E102" s="7">
        <v>0</v>
      </c>
      <c r="F102" s="7">
        <v>0</v>
      </c>
    </row>
    <row r="103" spans="1:6" x14ac:dyDescent="0.25">
      <c r="A103" s="3" t="s">
        <v>148</v>
      </c>
      <c r="B103" s="5" t="s">
        <v>985</v>
      </c>
      <c r="C103" s="6">
        <v>0</v>
      </c>
      <c r="D103" s="6">
        <v>0</v>
      </c>
      <c r="E103" s="6">
        <v>0</v>
      </c>
      <c r="F103" s="6">
        <v>0</v>
      </c>
    </row>
    <row r="104" spans="1:6" x14ac:dyDescent="0.25">
      <c r="A104" s="2" t="s">
        <v>150</v>
      </c>
      <c r="B104" s="4" t="s">
        <v>982</v>
      </c>
      <c r="C104" s="7">
        <v>0</v>
      </c>
      <c r="D104" s="7">
        <v>0</v>
      </c>
      <c r="E104" s="7">
        <v>0</v>
      </c>
      <c r="F104" s="7">
        <v>0</v>
      </c>
    </row>
    <row r="105" spans="1:6" x14ac:dyDescent="0.25">
      <c r="A105" s="2" t="s">
        <v>151</v>
      </c>
      <c r="B105" s="4" t="s">
        <v>983</v>
      </c>
      <c r="C105" s="7">
        <v>0</v>
      </c>
      <c r="D105" s="7">
        <v>0</v>
      </c>
      <c r="E105" s="7">
        <v>0</v>
      </c>
      <c r="F105" s="7">
        <v>0</v>
      </c>
    </row>
    <row r="106" spans="1:6" x14ac:dyDescent="0.25">
      <c r="A106" s="2" t="s">
        <v>152</v>
      </c>
      <c r="B106" s="4" t="s">
        <v>984</v>
      </c>
      <c r="C106" s="7">
        <v>0</v>
      </c>
      <c r="D106" s="7">
        <v>0</v>
      </c>
      <c r="E106" s="7">
        <v>0</v>
      </c>
      <c r="F106" s="7">
        <v>0</v>
      </c>
    </row>
    <row r="107" spans="1:6" x14ac:dyDescent="0.25">
      <c r="A107" s="3" t="s">
        <v>154</v>
      </c>
      <c r="B107" s="5" t="s">
        <v>987</v>
      </c>
      <c r="C107" s="6">
        <v>0</v>
      </c>
      <c r="D107" s="6">
        <v>0</v>
      </c>
      <c r="E107" s="6">
        <v>0</v>
      </c>
      <c r="F107" s="6">
        <v>0</v>
      </c>
    </row>
    <row r="108" spans="1:6" x14ac:dyDescent="0.25">
      <c r="A108" s="2" t="s">
        <v>156</v>
      </c>
      <c r="B108" s="4" t="s">
        <v>988</v>
      </c>
      <c r="C108" s="7">
        <v>0</v>
      </c>
      <c r="D108" s="7">
        <v>0</v>
      </c>
      <c r="E108" s="7">
        <v>0</v>
      </c>
      <c r="F108" s="7">
        <v>0</v>
      </c>
    </row>
    <row r="109" spans="1:6" x14ac:dyDescent="0.25">
      <c r="A109" s="2" t="s">
        <v>158</v>
      </c>
      <c r="B109" s="4" t="s">
        <v>989</v>
      </c>
      <c r="C109" s="7">
        <v>0</v>
      </c>
      <c r="D109" s="7">
        <v>0</v>
      </c>
      <c r="E109" s="7">
        <v>0</v>
      </c>
      <c r="F109" s="7">
        <v>0</v>
      </c>
    </row>
    <row r="110" spans="1:6" x14ac:dyDescent="0.25">
      <c r="A110" s="2" t="s">
        <v>160</v>
      </c>
      <c r="B110" s="4" t="s">
        <v>990</v>
      </c>
      <c r="C110" s="7">
        <v>0</v>
      </c>
      <c r="D110" s="7">
        <v>0</v>
      </c>
      <c r="E110" s="7">
        <v>0</v>
      </c>
      <c r="F110" s="7">
        <v>0</v>
      </c>
    </row>
    <row r="111" spans="1:6" x14ac:dyDescent="0.25">
      <c r="A111" s="2" t="s">
        <v>162</v>
      </c>
      <c r="B111" s="4" t="s">
        <v>991</v>
      </c>
      <c r="C111" s="7">
        <v>0</v>
      </c>
      <c r="D111" s="7">
        <v>0</v>
      </c>
      <c r="E111" s="7">
        <v>0</v>
      </c>
      <c r="F111" s="7">
        <v>0</v>
      </c>
    </row>
    <row r="112" spans="1:6" x14ac:dyDescent="0.25">
      <c r="A112" s="3" t="s">
        <v>177</v>
      </c>
      <c r="B112" s="5" t="s">
        <v>992</v>
      </c>
      <c r="C112" s="6">
        <v>0</v>
      </c>
      <c r="D112" s="6">
        <v>0</v>
      </c>
      <c r="E112" s="6">
        <v>0</v>
      </c>
      <c r="F112" s="6">
        <v>0</v>
      </c>
    </row>
    <row r="113" spans="1:10" x14ac:dyDescent="0.25">
      <c r="A113" s="2" t="s">
        <v>179</v>
      </c>
      <c r="B113" s="4" t="s">
        <v>993</v>
      </c>
      <c r="C113" s="7">
        <v>0</v>
      </c>
      <c r="D113" s="7">
        <v>0</v>
      </c>
      <c r="E113" s="7">
        <v>0</v>
      </c>
      <c r="F113" s="7">
        <v>0</v>
      </c>
    </row>
    <row r="114" spans="1:10" x14ac:dyDescent="0.25">
      <c r="A114" s="2" t="s">
        <v>181</v>
      </c>
      <c r="B114" s="4" t="s">
        <v>307</v>
      </c>
      <c r="C114" s="7">
        <v>0</v>
      </c>
      <c r="D114" s="7">
        <v>0</v>
      </c>
      <c r="E114" s="7">
        <v>0</v>
      </c>
      <c r="F114" s="7">
        <v>0</v>
      </c>
    </row>
    <row r="115" spans="1:10" x14ac:dyDescent="0.25">
      <c r="A115" s="3" t="s">
        <v>183</v>
      </c>
      <c r="B115" s="5" t="s">
        <v>994</v>
      </c>
      <c r="C115" s="6">
        <v>0</v>
      </c>
      <c r="D115" s="6">
        <v>0</v>
      </c>
      <c r="E115" s="6">
        <v>0</v>
      </c>
      <c r="F115" s="6">
        <v>0</v>
      </c>
    </row>
    <row r="116" spans="1:10" x14ac:dyDescent="0.25">
      <c r="A116" s="2" t="s">
        <v>185</v>
      </c>
      <c r="B116" s="4" t="s">
        <v>995</v>
      </c>
      <c r="C116" s="7">
        <v>0</v>
      </c>
      <c r="D116" s="7">
        <v>0</v>
      </c>
      <c r="E116" s="7">
        <v>0</v>
      </c>
      <c r="F116" s="7">
        <v>0</v>
      </c>
    </row>
    <row r="117" spans="1:10" x14ac:dyDescent="0.25">
      <c r="A117" s="2" t="s">
        <v>187</v>
      </c>
      <c r="B117" s="4" t="s">
        <v>996</v>
      </c>
      <c r="C117" s="7">
        <v>0</v>
      </c>
      <c r="D117" s="7">
        <v>0</v>
      </c>
      <c r="E117" s="7">
        <v>0</v>
      </c>
      <c r="F117" s="7">
        <v>0</v>
      </c>
    </row>
    <row r="118" spans="1:10" x14ac:dyDescent="0.25">
      <c r="A118" s="2" t="s">
        <v>189</v>
      </c>
      <c r="B118" s="4" t="s">
        <v>997</v>
      </c>
      <c r="C118" s="7">
        <v>0</v>
      </c>
      <c r="D118" s="7">
        <v>0</v>
      </c>
      <c r="E118" s="7">
        <v>0</v>
      </c>
      <c r="F118" s="7">
        <v>0</v>
      </c>
    </row>
    <row r="119" spans="1:10" x14ac:dyDescent="0.25">
      <c r="A119" s="3" t="s">
        <v>191</v>
      </c>
      <c r="B119" s="5" t="s">
        <v>998</v>
      </c>
      <c r="C119" s="6">
        <v>0</v>
      </c>
      <c r="D119" s="6">
        <v>0</v>
      </c>
      <c r="E119" s="6">
        <v>0</v>
      </c>
      <c r="F119" s="6">
        <v>0</v>
      </c>
    </row>
    <row r="121" spans="1:10" x14ac:dyDescent="0.25">
      <c r="A121" s="8" t="s">
        <v>6</v>
      </c>
      <c r="B121" s="8" t="s">
        <v>946</v>
      </c>
      <c r="C121" s="8" t="s">
        <v>503</v>
      </c>
      <c r="D121" s="8" t="s">
        <v>947</v>
      </c>
      <c r="E121" s="8" t="s">
        <v>167</v>
      </c>
      <c r="F121" s="8" t="s">
        <v>5</v>
      </c>
      <c r="G121" s="8" t="s">
        <v>171</v>
      </c>
      <c r="H121" s="8" t="s">
        <v>5</v>
      </c>
      <c r="I121" s="8" t="s">
        <v>948</v>
      </c>
      <c r="J121" s="8" t="s">
        <v>948</v>
      </c>
    </row>
    <row r="122" spans="1:10" ht="21" x14ac:dyDescent="0.25">
      <c r="A122" s="8" t="s">
        <v>5</v>
      </c>
      <c r="B122" s="8" t="s">
        <v>5</v>
      </c>
      <c r="C122" s="8" t="s">
        <v>5</v>
      </c>
      <c r="D122" s="8" t="s">
        <v>5</v>
      </c>
      <c r="E122" s="1" t="s">
        <v>922</v>
      </c>
      <c r="F122" s="1" t="s">
        <v>923</v>
      </c>
      <c r="G122" s="1" t="s">
        <v>922</v>
      </c>
      <c r="H122" s="1" t="s">
        <v>923</v>
      </c>
      <c r="I122" s="1" t="s">
        <v>949</v>
      </c>
      <c r="J122" s="1" t="s">
        <v>950</v>
      </c>
    </row>
    <row r="123" spans="1:10" x14ac:dyDescent="0.25">
      <c r="A123" s="3" t="s">
        <v>193</v>
      </c>
      <c r="B123" s="5" t="s">
        <v>951</v>
      </c>
      <c r="C123" s="6">
        <v>0</v>
      </c>
      <c r="D123" s="6">
        <v>0</v>
      </c>
      <c r="E123" s="6">
        <v>0</v>
      </c>
      <c r="F123" s="6">
        <v>0</v>
      </c>
      <c r="G123" s="6">
        <v>0</v>
      </c>
      <c r="H123" s="6">
        <v>0</v>
      </c>
      <c r="I123" s="6">
        <v>0</v>
      </c>
      <c r="J123" s="6">
        <v>0</v>
      </c>
    </row>
    <row r="124" spans="1:10" x14ac:dyDescent="0.25">
      <c r="A124" s="2" t="s">
        <v>195</v>
      </c>
      <c r="B124" s="4" t="s">
        <v>999</v>
      </c>
      <c r="C124" s="7">
        <v>0</v>
      </c>
      <c r="D124" s="7">
        <v>0</v>
      </c>
      <c r="E124" s="7">
        <v>0</v>
      </c>
      <c r="F124" s="7">
        <v>0</v>
      </c>
      <c r="G124" s="7">
        <v>0</v>
      </c>
      <c r="H124" s="7">
        <v>0</v>
      </c>
      <c r="I124" s="7">
        <v>0</v>
      </c>
      <c r="J124" s="7">
        <v>0</v>
      </c>
    </row>
    <row r="125" spans="1:10" x14ac:dyDescent="0.25">
      <c r="A125" s="2" t="s">
        <v>197</v>
      </c>
      <c r="B125" s="4" t="s">
        <v>953</v>
      </c>
      <c r="C125" s="7">
        <v>0</v>
      </c>
      <c r="D125" s="7">
        <v>0</v>
      </c>
      <c r="E125" s="7">
        <v>0</v>
      </c>
      <c r="F125" s="7">
        <v>0</v>
      </c>
      <c r="G125" s="7">
        <v>0</v>
      </c>
      <c r="H125" s="7">
        <v>0</v>
      </c>
      <c r="I125" s="7">
        <v>0</v>
      </c>
      <c r="J125" s="7">
        <v>0</v>
      </c>
    </row>
    <row r="126" spans="1:10" x14ac:dyDescent="0.25">
      <c r="A126" s="2" t="s">
        <v>199</v>
      </c>
      <c r="B126" s="4" t="s">
        <v>954</v>
      </c>
      <c r="C126" s="7">
        <v>0</v>
      </c>
      <c r="D126" s="7">
        <v>0</v>
      </c>
      <c r="E126" s="7">
        <v>0</v>
      </c>
      <c r="F126" s="7">
        <v>0</v>
      </c>
      <c r="G126" s="7">
        <v>0</v>
      </c>
      <c r="H126" s="7">
        <v>0</v>
      </c>
      <c r="I126" s="7">
        <v>0</v>
      </c>
      <c r="J126" s="7">
        <v>0</v>
      </c>
    </row>
    <row r="127" spans="1:10" x14ac:dyDescent="0.25">
      <c r="A127" s="3" t="s">
        <v>201</v>
      </c>
      <c r="B127" s="5" t="s">
        <v>955</v>
      </c>
      <c r="C127" s="6">
        <v>0</v>
      </c>
      <c r="D127" s="6">
        <v>0</v>
      </c>
      <c r="E127" s="6">
        <v>0</v>
      </c>
      <c r="F127" s="6">
        <v>0</v>
      </c>
      <c r="G127" s="6">
        <v>0</v>
      </c>
      <c r="H127" s="6">
        <v>0</v>
      </c>
      <c r="I127" s="6">
        <v>0</v>
      </c>
      <c r="J127" s="6">
        <v>0</v>
      </c>
    </row>
    <row r="128" spans="1:10" x14ac:dyDescent="0.25">
      <c r="A128" s="2" t="s">
        <v>203</v>
      </c>
      <c r="B128" s="4" t="s">
        <v>956</v>
      </c>
      <c r="C128" s="7">
        <v>0</v>
      </c>
      <c r="D128" s="7">
        <v>0</v>
      </c>
      <c r="E128" s="7">
        <v>0</v>
      </c>
      <c r="F128" s="7">
        <v>0</v>
      </c>
      <c r="G128" s="7">
        <v>0</v>
      </c>
      <c r="H128" s="7">
        <v>0</v>
      </c>
      <c r="I128" s="7">
        <v>0</v>
      </c>
      <c r="J128" s="7">
        <v>0</v>
      </c>
    </row>
    <row r="129" spans="1:10" x14ac:dyDescent="0.25">
      <c r="A129" s="2" t="s">
        <v>205</v>
      </c>
      <c r="B129" s="4" t="s">
        <v>953</v>
      </c>
      <c r="C129" s="7">
        <v>0</v>
      </c>
      <c r="D129" s="7">
        <v>0</v>
      </c>
      <c r="E129" s="7">
        <v>0</v>
      </c>
      <c r="F129" s="7">
        <v>0</v>
      </c>
      <c r="G129" s="7">
        <v>0</v>
      </c>
      <c r="H129" s="7">
        <v>0</v>
      </c>
      <c r="I129" s="7">
        <v>0</v>
      </c>
      <c r="J129" s="7">
        <v>0</v>
      </c>
    </row>
    <row r="130" spans="1:10" x14ac:dyDescent="0.25">
      <c r="A130" s="2" t="s">
        <v>207</v>
      </c>
      <c r="B130" s="4" t="s">
        <v>954</v>
      </c>
      <c r="C130" s="7">
        <v>0</v>
      </c>
      <c r="D130" s="7">
        <v>0</v>
      </c>
      <c r="E130" s="7">
        <v>0</v>
      </c>
      <c r="F130" s="7">
        <v>0</v>
      </c>
      <c r="G130" s="7">
        <v>0</v>
      </c>
      <c r="H130" s="7">
        <v>0</v>
      </c>
      <c r="I130" s="7">
        <v>0</v>
      </c>
      <c r="J130" s="7">
        <v>0</v>
      </c>
    </row>
    <row r="131" spans="1:10" x14ac:dyDescent="0.25">
      <c r="A131" s="3" t="s">
        <v>209</v>
      </c>
      <c r="B131" s="5" t="s">
        <v>957</v>
      </c>
      <c r="C131" s="6">
        <v>0</v>
      </c>
      <c r="D131" s="6">
        <v>0</v>
      </c>
      <c r="E131" s="6">
        <v>0</v>
      </c>
      <c r="F131" s="6">
        <v>0</v>
      </c>
      <c r="G131" s="6">
        <v>0</v>
      </c>
      <c r="H131" s="6">
        <v>0</v>
      </c>
      <c r="I131" s="6">
        <v>0</v>
      </c>
      <c r="J131" s="6">
        <v>0</v>
      </c>
    </row>
    <row r="132" spans="1:10" x14ac:dyDescent="0.25">
      <c r="A132" s="2" t="s">
        <v>211</v>
      </c>
      <c r="B132" s="4" t="s">
        <v>958</v>
      </c>
      <c r="C132" s="7">
        <v>0</v>
      </c>
      <c r="D132" s="7">
        <v>0</v>
      </c>
      <c r="E132" s="7">
        <v>0</v>
      </c>
      <c r="F132" s="7">
        <v>0</v>
      </c>
      <c r="G132" s="7">
        <v>0</v>
      </c>
      <c r="H132" s="7">
        <v>0</v>
      </c>
      <c r="I132" s="7">
        <v>0</v>
      </c>
      <c r="J132" s="7">
        <v>0</v>
      </c>
    </row>
    <row r="133" spans="1:10" x14ac:dyDescent="0.25">
      <c r="A133" s="2" t="s">
        <v>213</v>
      </c>
      <c r="B133" s="4" t="s">
        <v>959</v>
      </c>
      <c r="C133" s="7">
        <v>0</v>
      </c>
      <c r="D133" s="7">
        <v>0</v>
      </c>
      <c r="E133" s="7">
        <v>0</v>
      </c>
      <c r="F133" s="7">
        <v>0</v>
      </c>
      <c r="G133" s="7">
        <v>0</v>
      </c>
      <c r="H133" s="7">
        <v>0</v>
      </c>
      <c r="I133" s="7">
        <v>0</v>
      </c>
      <c r="J133" s="7">
        <v>0</v>
      </c>
    </row>
    <row r="134" spans="1:10" x14ac:dyDescent="0.25">
      <c r="A134" s="3" t="s">
        <v>215</v>
      </c>
      <c r="B134" s="5" t="s">
        <v>1000</v>
      </c>
      <c r="C134" s="6">
        <v>0</v>
      </c>
      <c r="D134" s="6">
        <v>0</v>
      </c>
      <c r="E134" s="6">
        <v>0</v>
      </c>
      <c r="F134" s="6">
        <v>0</v>
      </c>
      <c r="G134" s="6">
        <v>0</v>
      </c>
      <c r="H134" s="6">
        <v>0</v>
      </c>
      <c r="I134" s="6">
        <v>0</v>
      </c>
      <c r="J134" s="6">
        <v>0</v>
      </c>
    </row>
    <row r="136" spans="1:10" x14ac:dyDescent="0.25">
      <c r="A136" s="8" t="s">
        <v>6</v>
      </c>
      <c r="B136" s="8" t="s">
        <v>1001</v>
      </c>
      <c r="C136" s="8" t="s">
        <v>503</v>
      </c>
      <c r="D136" s="8" t="s">
        <v>947</v>
      </c>
      <c r="E136" s="8" t="s">
        <v>167</v>
      </c>
      <c r="F136" s="8" t="s">
        <v>5</v>
      </c>
      <c r="G136" s="8" t="s">
        <v>171</v>
      </c>
      <c r="H136" s="8" t="s">
        <v>5</v>
      </c>
      <c r="I136" s="8" t="s">
        <v>948</v>
      </c>
      <c r="J136" s="8" t="s">
        <v>948</v>
      </c>
    </row>
    <row r="137" spans="1:10" ht="21" x14ac:dyDescent="0.25">
      <c r="A137" s="8" t="s">
        <v>5</v>
      </c>
      <c r="B137" s="8" t="s">
        <v>5</v>
      </c>
      <c r="C137" s="8" t="s">
        <v>5</v>
      </c>
      <c r="D137" s="8" t="s">
        <v>5</v>
      </c>
      <c r="E137" s="1" t="s">
        <v>922</v>
      </c>
      <c r="F137" s="1" t="s">
        <v>923</v>
      </c>
      <c r="G137" s="1" t="s">
        <v>922</v>
      </c>
      <c r="H137" s="1" t="s">
        <v>923</v>
      </c>
      <c r="I137" s="1" t="s">
        <v>949</v>
      </c>
      <c r="J137" s="1" t="s">
        <v>950</v>
      </c>
    </row>
    <row r="138" spans="1:10" x14ac:dyDescent="0.25">
      <c r="A138" s="2" t="s">
        <v>216</v>
      </c>
      <c r="B138" s="4" t="s">
        <v>1002</v>
      </c>
      <c r="C138" s="7">
        <v>0</v>
      </c>
      <c r="D138" s="7">
        <v>0</v>
      </c>
      <c r="E138" s="7">
        <v>0</v>
      </c>
      <c r="F138" s="7">
        <v>0</v>
      </c>
      <c r="G138" s="7">
        <v>0</v>
      </c>
      <c r="H138" s="7">
        <v>0</v>
      </c>
      <c r="I138" s="7">
        <v>0</v>
      </c>
      <c r="J138" s="7">
        <v>0</v>
      </c>
    </row>
    <row r="140" spans="1:10" x14ac:dyDescent="0.25">
      <c r="A140" s="8" t="s">
        <v>6</v>
      </c>
      <c r="B140" s="8" t="s">
        <v>1003</v>
      </c>
      <c r="C140" s="8" t="s">
        <v>968</v>
      </c>
    </row>
    <row r="141" spans="1:10" x14ac:dyDescent="0.25">
      <c r="A141" s="8" t="s">
        <v>5</v>
      </c>
      <c r="B141" s="8" t="s">
        <v>5</v>
      </c>
      <c r="C141" s="8" t="s">
        <v>5</v>
      </c>
    </row>
    <row r="142" spans="1:10" x14ac:dyDescent="0.25">
      <c r="A142" s="2" t="s">
        <v>217</v>
      </c>
      <c r="B142" s="4" t="s">
        <v>1004</v>
      </c>
      <c r="C142" s="7">
        <v>0</v>
      </c>
    </row>
    <row r="143" spans="1:10" x14ac:dyDescent="0.25">
      <c r="A143" s="2" t="s">
        <v>219</v>
      </c>
      <c r="B143" s="4" t="s">
        <v>1005</v>
      </c>
      <c r="C143" s="7">
        <v>0</v>
      </c>
    </row>
    <row r="145" spans="1:10" x14ac:dyDescent="0.25">
      <c r="A145" s="8" t="s">
        <v>6</v>
      </c>
      <c r="B145" s="8" t="s">
        <v>1006</v>
      </c>
      <c r="C145" s="8" t="s">
        <v>8</v>
      </c>
      <c r="D145" s="8" t="s">
        <v>921</v>
      </c>
      <c r="E145" s="8" t="s">
        <v>10</v>
      </c>
      <c r="F145" s="8" t="s">
        <v>10</v>
      </c>
    </row>
    <row r="146" spans="1:10" ht="21" x14ac:dyDescent="0.25">
      <c r="A146" s="8" t="s">
        <v>5</v>
      </c>
      <c r="B146" s="8" t="s">
        <v>5</v>
      </c>
      <c r="C146" s="8" t="s">
        <v>5</v>
      </c>
      <c r="D146" s="8" t="s">
        <v>5</v>
      </c>
      <c r="E146" s="1" t="s">
        <v>922</v>
      </c>
      <c r="F146" s="1" t="s">
        <v>923</v>
      </c>
    </row>
    <row r="147" spans="1:10" x14ac:dyDescent="0.25">
      <c r="A147" s="2" t="s">
        <v>221</v>
      </c>
      <c r="B147" s="4" t="s">
        <v>229</v>
      </c>
      <c r="C147" s="7">
        <v>0</v>
      </c>
      <c r="D147" s="7">
        <v>0</v>
      </c>
      <c r="E147" s="7">
        <v>0</v>
      </c>
      <c r="F147" s="7">
        <v>0</v>
      </c>
    </row>
    <row r="148" spans="1:10" x14ac:dyDescent="0.25">
      <c r="A148" s="2" t="s">
        <v>223</v>
      </c>
      <c r="B148" s="4" t="s">
        <v>1007</v>
      </c>
      <c r="C148" s="7">
        <v>0</v>
      </c>
      <c r="D148" s="7">
        <v>0</v>
      </c>
      <c r="E148" s="7">
        <v>0</v>
      </c>
      <c r="F148" s="7">
        <v>0</v>
      </c>
    </row>
    <row r="150" spans="1:10" x14ac:dyDescent="0.25">
      <c r="A150" s="8" t="s">
        <v>6</v>
      </c>
      <c r="B150" s="8" t="s">
        <v>1008</v>
      </c>
      <c r="C150" s="8" t="s">
        <v>503</v>
      </c>
      <c r="D150" s="8" t="s">
        <v>947</v>
      </c>
      <c r="E150" s="8" t="s">
        <v>167</v>
      </c>
      <c r="F150" s="8" t="s">
        <v>5</v>
      </c>
      <c r="G150" s="8" t="s">
        <v>171</v>
      </c>
      <c r="H150" s="8" t="s">
        <v>5</v>
      </c>
      <c r="I150" s="8" t="s">
        <v>1009</v>
      </c>
      <c r="J150" s="8" t="s">
        <v>1009</v>
      </c>
    </row>
    <row r="151" spans="1:10" ht="21" x14ac:dyDescent="0.25">
      <c r="A151" s="8" t="s">
        <v>5</v>
      </c>
      <c r="B151" s="8" t="s">
        <v>5</v>
      </c>
      <c r="C151" s="8" t="s">
        <v>5</v>
      </c>
      <c r="D151" s="8" t="s">
        <v>5</v>
      </c>
      <c r="E151" s="1" t="s">
        <v>922</v>
      </c>
      <c r="F151" s="1" t="s">
        <v>923</v>
      </c>
      <c r="G151" s="1" t="s">
        <v>922</v>
      </c>
      <c r="H151" s="1" t="s">
        <v>923</v>
      </c>
      <c r="I151" s="1" t="s">
        <v>949</v>
      </c>
      <c r="J151" s="1" t="s">
        <v>950</v>
      </c>
    </row>
    <row r="152" spans="1:10" x14ac:dyDescent="0.25">
      <c r="A152" s="2" t="s">
        <v>226</v>
      </c>
      <c r="B152" s="4" t="s">
        <v>1010</v>
      </c>
      <c r="C152" s="7">
        <v>28493600</v>
      </c>
      <c r="D152" s="7">
        <v>25622480.34</v>
      </c>
      <c r="E152" s="7">
        <v>8333260.46</v>
      </c>
      <c r="F152" s="7">
        <v>7062569.8099999996</v>
      </c>
      <c r="G152" s="7">
        <v>7704214.25</v>
      </c>
      <c r="H152" s="7">
        <v>6224915.5700000003</v>
      </c>
      <c r="I152" s="7">
        <v>629046.21</v>
      </c>
      <c r="J152" s="7">
        <v>837654.24</v>
      </c>
    </row>
    <row r="153" spans="1:10" x14ac:dyDescent="0.25">
      <c r="A153" s="2" t="s">
        <v>228</v>
      </c>
      <c r="B153" s="4" t="s">
        <v>1011</v>
      </c>
      <c r="C153" s="7">
        <v>2540000</v>
      </c>
      <c r="D153" s="7">
        <v>2548000</v>
      </c>
      <c r="E153" s="7">
        <v>1990</v>
      </c>
      <c r="F153" s="7">
        <v>0</v>
      </c>
      <c r="G153" s="7">
        <v>1990</v>
      </c>
      <c r="H153" s="7">
        <v>0</v>
      </c>
      <c r="I153" s="7">
        <v>0</v>
      </c>
      <c r="J153" s="7">
        <v>0</v>
      </c>
    </row>
    <row r="154" spans="1:10" x14ac:dyDescent="0.25">
      <c r="A154" s="3" t="s">
        <v>230</v>
      </c>
      <c r="B154" s="5" t="s">
        <v>1012</v>
      </c>
      <c r="C154" s="6">
        <v>31033600</v>
      </c>
      <c r="D154" s="6">
        <v>28170480.34</v>
      </c>
      <c r="E154" s="6">
        <v>8335250.46</v>
      </c>
      <c r="F154" s="6">
        <v>7062569.8099999996</v>
      </c>
      <c r="G154" s="6">
        <v>7706204.25</v>
      </c>
      <c r="H154" s="6">
        <v>6224915.5700000003</v>
      </c>
      <c r="I154" s="6">
        <v>629046.21</v>
      </c>
      <c r="J154" s="6">
        <v>837654.24</v>
      </c>
    </row>
    <row r="156" spans="1:10" x14ac:dyDescent="0.25">
      <c r="A156" s="8" t="s">
        <v>6</v>
      </c>
      <c r="B156" s="8" t="s">
        <v>1013</v>
      </c>
      <c r="C156" s="8" t="s">
        <v>503</v>
      </c>
      <c r="D156" s="8" t="s">
        <v>947</v>
      </c>
      <c r="E156" s="8" t="s">
        <v>167</v>
      </c>
      <c r="F156" s="8" t="s">
        <v>5</v>
      </c>
      <c r="G156" s="8" t="s">
        <v>171</v>
      </c>
      <c r="H156" s="8" t="s">
        <v>5</v>
      </c>
      <c r="I156" s="8" t="s">
        <v>1009</v>
      </c>
      <c r="J156" s="8" t="s">
        <v>1009</v>
      </c>
    </row>
    <row r="157" spans="1:10" ht="21" x14ac:dyDescent="0.25">
      <c r="A157" s="8" t="s">
        <v>5</v>
      </c>
      <c r="B157" s="8" t="s">
        <v>5</v>
      </c>
      <c r="C157" s="8" t="s">
        <v>5</v>
      </c>
      <c r="D157" s="8" t="s">
        <v>5</v>
      </c>
      <c r="E157" s="1" t="s">
        <v>922</v>
      </c>
      <c r="F157" s="1" t="s">
        <v>923</v>
      </c>
      <c r="G157" s="1" t="s">
        <v>922</v>
      </c>
      <c r="H157" s="1" t="s">
        <v>923</v>
      </c>
      <c r="I157" s="1" t="s">
        <v>949</v>
      </c>
      <c r="J157" s="1" t="s">
        <v>950</v>
      </c>
    </row>
    <row r="158" spans="1:10" x14ac:dyDescent="0.25">
      <c r="A158" s="2" t="s">
        <v>232</v>
      </c>
      <c r="B158" s="4" t="s">
        <v>1014</v>
      </c>
      <c r="C158" s="7">
        <v>-31033600</v>
      </c>
      <c r="D158" s="7">
        <v>-28170480.34</v>
      </c>
      <c r="E158" s="7">
        <v>-8335250.46</v>
      </c>
      <c r="F158" s="7">
        <v>-7062569.8099999996</v>
      </c>
      <c r="G158" s="7">
        <v>-7706204.25</v>
      </c>
      <c r="H158" s="7">
        <v>-6224915.5700000003</v>
      </c>
      <c r="I158" s="7">
        <v>-629046.21</v>
      </c>
      <c r="J158" s="7">
        <v>-837654.24</v>
      </c>
    </row>
  </sheetData>
  <mergeCells count="78">
    <mergeCell ref="A3:J3"/>
    <mergeCell ref="A4:J4"/>
    <mergeCell ref="A5:J5"/>
    <mergeCell ref="A6:J6"/>
    <mergeCell ref="A7:J7"/>
    <mergeCell ref="A9:J9"/>
    <mergeCell ref="A10:A11"/>
    <mergeCell ref="B10:B11"/>
    <mergeCell ref="C10:C11"/>
    <mergeCell ref="D10:D11"/>
    <mergeCell ref="E10:F10"/>
    <mergeCell ref="G46:H46"/>
    <mergeCell ref="I46:J46"/>
    <mergeCell ref="A61:A62"/>
    <mergeCell ref="B61:B62"/>
    <mergeCell ref="C61:C62"/>
    <mergeCell ref="D61:D62"/>
    <mergeCell ref="E61:F61"/>
    <mergeCell ref="G61:H61"/>
    <mergeCell ref="I61:J61"/>
    <mergeCell ref="A46:A47"/>
    <mergeCell ref="B46:B47"/>
    <mergeCell ref="C46:C47"/>
    <mergeCell ref="D46:D47"/>
    <mergeCell ref="E46:F46"/>
    <mergeCell ref="A65:A66"/>
    <mergeCell ref="B65:B66"/>
    <mergeCell ref="C65:C66"/>
    <mergeCell ref="A69:A70"/>
    <mergeCell ref="B69:B70"/>
    <mergeCell ref="C69:C70"/>
    <mergeCell ref="A73:A74"/>
    <mergeCell ref="B73:B74"/>
    <mergeCell ref="C73:C74"/>
    <mergeCell ref="A80:A81"/>
    <mergeCell ref="B80:B81"/>
    <mergeCell ref="C80:D80"/>
    <mergeCell ref="A86:A87"/>
    <mergeCell ref="B86:B87"/>
    <mergeCell ref="C86:C87"/>
    <mergeCell ref="D86:D87"/>
    <mergeCell ref="E86:F86"/>
    <mergeCell ref="G121:H121"/>
    <mergeCell ref="I121:J121"/>
    <mergeCell ref="A136:A137"/>
    <mergeCell ref="B136:B137"/>
    <mergeCell ref="C136:C137"/>
    <mergeCell ref="D136:D137"/>
    <mergeCell ref="E136:F136"/>
    <mergeCell ref="G136:H136"/>
    <mergeCell ref="I136:J136"/>
    <mergeCell ref="A121:A122"/>
    <mergeCell ref="B121:B122"/>
    <mergeCell ref="C121:C122"/>
    <mergeCell ref="D121:D122"/>
    <mergeCell ref="E121:F121"/>
    <mergeCell ref="A140:A141"/>
    <mergeCell ref="B140:B141"/>
    <mergeCell ref="C140:C141"/>
    <mergeCell ref="A145:A146"/>
    <mergeCell ref="B145:B146"/>
    <mergeCell ref="C145:C146"/>
    <mergeCell ref="D145:D146"/>
    <mergeCell ref="E145:F145"/>
    <mergeCell ref="A150:A151"/>
    <mergeCell ref="B150:B151"/>
    <mergeCell ref="C150:C151"/>
    <mergeCell ref="D150:D151"/>
    <mergeCell ref="E150:F150"/>
    <mergeCell ref="G150:H150"/>
    <mergeCell ref="I150:J150"/>
    <mergeCell ref="A156:A157"/>
    <mergeCell ref="B156:B157"/>
    <mergeCell ref="C156:C157"/>
    <mergeCell ref="D156:D157"/>
    <mergeCell ref="E156:F156"/>
    <mergeCell ref="G156:H156"/>
    <mergeCell ref="I156:J156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6"/>
  <sheetViews>
    <sheetView showGridLines="0" workbookViewId="0"/>
  </sheetViews>
  <sheetFormatPr defaultRowHeight="15" x14ac:dyDescent="0.25"/>
  <cols>
    <col min="1" max="1" width="2.7109375" bestFit="1" customWidth="1"/>
    <col min="2" max="2" width="85" bestFit="1" customWidth="1"/>
    <col min="3" max="4" width="20.28515625" bestFit="1" customWidth="1"/>
    <col min="5" max="6" width="20.140625" bestFit="1" customWidth="1"/>
    <col min="7" max="7" width="29.85546875" bestFit="1" customWidth="1"/>
    <col min="8" max="9" width="17.28515625" bestFit="1" customWidth="1"/>
  </cols>
  <sheetData>
    <row r="3" spans="1:9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</row>
    <row r="4" spans="1:9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</row>
    <row r="5" spans="1:9" x14ac:dyDescent="0.25">
      <c r="A5" s="12" t="s">
        <v>1015</v>
      </c>
      <c r="B5" s="10"/>
      <c r="C5" s="10"/>
      <c r="D5" s="10"/>
      <c r="E5" s="10"/>
      <c r="F5" s="10"/>
      <c r="G5" s="10"/>
      <c r="H5" s="10"/>
      <c r="I5" s="10"/>
    </row>
    <row r="6" spans="1:9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</row>
    <row r="7" spans="1:9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</row>
    <row r="9" spans="1:9" x14ac:dyDescent="0.25">
      <c r="A9" s="9" t="s">
        <v>5</v>
      </c>
      <c r="B9" s="10"/>
      <c r="C9" s="10"/>
      <c r="D9" s="10"/>
      <c r="E9" s="10"/>
      <c r="F9" s="10"/>
      <c r="G9" s="10"/>
      <c r="H9" s="10"/>
      <c r="I9" s="10"/>
    </row>
    <row r="10" spans="1:9" ht="21" x14ac:dyDescent="0.25">
      <c r="A10" s="8" t="s">
        <v>6</v>
      </c>
      <c r="B10" s="8" t="s">
        <v>1016</v>
      </c>
      <c r="C10" s="8" t="s">
        <v>921</v>
      </c>
      <c r="D10" s="1" t="s">
        <v>922</v>
      </c>
    </row>
    <row r="11" spans="1:9" ht="21" x14ac:dyDescent="0.25">
      <c r="A11" s="8" t="s">
        <v>5</v>
      </c>
      <c r="B11" s="8" t="s">
        <v>5</v>
      </c>
      <c r="C11" s="8" t="s">
        <v>5</v>
      </c>
      <c r="D11" s="1" t="s">
        <v>1017</v>
      </c>
    </row>
    <row r="12" spans="1:9" x14ac:dyDescent="0.25">
      <c r="A12" s="3" t="s">
        <v>16</v>
      </c>
      <c r="B12" s="5" t="s">
        <v>924</v>
      </c>
      <c r="C12" s="6">
        <v>13221680599.780001</v>
      </c>
      <c r="D12" s="6">
        <v>15132110246.9</v>
      </c>
    </row>
    <row r="13" spans="1:9" x14ac:dyDescent="0.25">
      <c r="A13" s="3" t="s">
        <v>18</v>
      </c>
      <c r="B13" s="5" t="s">
        <v>1018</v>
      </c>
      <c r="C13" s="6">
        <v>7549081400</v>
      </c>
      <c r="D13" s="6">
        <v>8147709413.8199997</v>
      </c>
    </row>
    <row r="14" spans="1:9" x14ac:dyDescent="0.25">
      <c r="A14" s="2" t="s">
        <v>20</v>
      </c>
      <c r="B14" s="4" t="s">
        <v>1019</v>
      </c>
      <c r="C14" s="7">
        <v>5896475400</v>
      </c>
      <c r="D14" s="7">
        <v>6116122535.71</v>
      </c>
    </row>
    <row r="15" spans="1:9" x14ac:dyDescent="0.25">
      <c r="A15" s="2" t="s">
        <v>22</v>
      </c>
      <c r="B15" s="4" t="s">
        <v>1020</v>
      </c>
      <c r="C15" s="7">
        <v>291973900</v>
      </c>
      <c r="D15" s="7">
        <v>320297183.10000002</v>
      </c>
    </row>
    <row r="16" spans="1:9" x14ac:dyDescent="0.25">
      <c r="A16" s="2" t="s">
        <v>24</v>
      </c>
      <c r="B16" s="4" t="s">
        <v>1021</v>
      </c>
      <c r="C16" s="7">
        <v>145958300</v>
      </c>
      <c r="D16" s="7">
        <v>206516860.31</v>
      </c>
    </row>
    <row r="17" spans="1:4" x14ac:dyDescent="0.25">
      <c r="A17" s="2" t="s">
        <v>26</v>
      </c>
      <c r="B17" s="4" t="s">
        <v>1022</v>
      </c>
      <c r="C17" s="7">
        <v>956647400</v>
      </c>
      <c r="D17" s="7">
        <v>1243621657.7</v>
      </c>
    </row>
    <row r="18" spans="1:4" x14ac:dyDescent="0.25">
      <c r="A18" s="2" t="s">
        <v>28</v>
      </c>
      <c r="B18" s="4" t="s">
        <v>1023</v>
      </c>
      <c r="C18" s="7">
        <v>258026400</v>
      </c>
      <c r="D18" s="7">
        <v>261151177</v>
      </c>
    </row>
    <row r="19" spans="1:4" x14ac:dyDescent="0.25">
      <c r="A19" s="2" t="s">
        <v>30</v>
      </c>
      <c r="B19" s="4" t="s">
        <v>1024</v>
      </c>
      <c r="C19" s="7">
        <v>764125800</v>
      </c>
      <c r="D19" s="7">
        <v>645150087.24000001</v>
      </c>
    </row>
    <row r="20" spans="1:4" x14ac:dyDescent="0.25">
      <c r="A20" s="3" t="s">
        <v>32</v>
      </c>
      <c r="B20" s="5" t="s">
        <v>932</v>
      </c>
      <c r="C20" s="6">
        <v>115931602.76000001</v>
      </c>
      <c r="D20" s="6">
        <v>212659743.19</v>
      </c>
    </row>
    <row r="21" spans="1:4" x14ac:dyDescent="0.25">
      <c r="A21" s="2" t="s">
        <v>34</v>
      </c>
      <c r="B21" s="4" t="s">
        <v>1025</v>
      </c>
      <c r="C21" s="7">
        <v>58898302.759999998</v>
      </c>
      <c r="D21" s="7">
        <v>34838930.950000003</v>
      </c>
    </row>
    <row r="22" spans="1:4" x14ac:dyDescent="0.25">
      <c r="A22" s="2" t="s">
        <v>36</v>
      </c>
      <c r="B22" s="4" t="s">
        <v>935</v>
      </c>
      <c r="C22" s="7">
        <v>57033300</v>
      </c>
      <c r="D22" s="7">
        <v>177820812.24000001</v>
      </c>
    </row>
    <row r="23" spans="1:4" x14ac:dyDescent="0.25">
      <c r="A23" s="3" t="s">
        <v>38</v>
      </c>
      <c r="B23" s="5" t="s">
        <v>1026</v>
      </c>
      <c r="C23" s="6">
        <v>3875596879.02</v>
      </c>
      <c r="D23" s="6">
        <v>5124886156.8100004</v>
      </c>
    </row>
    <row r="24" spans="1:4" x14ac:dyDescent="0.25">
      <c r="A24" s="2" t="s">
        <v>40</v>
      </c>
      <c r="B24" s="4" t="s">
        <v>1027</v>
      </c>
      <c r="C24" s="7">
        <v>982164200</v>
      </c>
      <c r="D24" s="7">
        <v>1003753090.4299999</v>
      </c>
    </row>
    <row r="25" spans="1:4" x14ac:dyDescent="0.25">
      <c r="A25" s="2" t="s">
        <v>42</v>
      </c>
      <c r="B25" s="4" t="s">
        <v>1028</v>
      </c>
      <c r="C25" s="7">
        <v>14680000</v>
      </c>
      <c r="D25" s="7">
        <v>0</v>
      </c>
    </row>
    <row r="26" spans="1:4" x14ac:dyDescent="0.25">
      <c r="A26" s="2" t="s">
        <v>44</v>
      </c>
      <c r="B26" s="4" t="s">
        <v>1029</v>
      </c>
      <c r="C26" s="7">
        <v>63898800</v>
      </c>
      <c r="D26" s="7">
        <v>60004812.159999996</v>
      </c>
    </row>
    <row r="27" spans="1:4" x14ac:dyDescent="0.25">
      <c r="A27" s="2" t="s">
        <v>46</v>
      </c>
      <c r="B27" s="4" t="s">
        <v>1030</v>
      </c>
      <c r="C27" s="7">
        <v>1162234200</v>
      </c>
      <c r="D27" s="7">
        <v>1135668866.4100001</v>
      </c>
    </row>
    <row r="28" spans="1:4" x14ac:dyDescent="0.25">
      <c r="A28" s="2" t="s">
        <v>48</v>
      </c>
      <c r="B28" s="4" t="s">
        <v>1031</v>
      </c>
      <c r="C28" s="7">
        <v>1652619679.02</v>
      </c>
      <c r="D28" s="7">
        <v>2925459387.8099999</v>
      </c>
    </row>
    <row r="29" spans="1:4" x14ac:dyDescent="0.25">
      <c r="A29" s="3" t="s">
        <v>50</v>
      </c>
      <c r="B29" s="5" t="s">
        <v>1032</v>
      </c>
      <c r="C29" s="6">
        <v>916944918</v>
      </c>
      <c r="D29" s="6">
        <v>1001704845.84</v>
      </c>
    </row>
    <row r="30" spans="1:4" x14ac:dyDescent="0.25">
      <c r="A30" s="2" t="s">
        <v>52</v>
      </c>
      <c r="B30" s="4" t="s">
        <v>1033</v>
      </c>
      <c r="C30" s="7">
        <v>1116854</v>
      </c>
      <c r="D30" s="7">
        <v>2214221.06</v>
      </c>
    </row>
    <row r="31" spans="1:4" x14ac:dyDescent="0.25">
      <c r="A31" s="2" t="s">
        <v>54</v>
      </c>
      <c r="B31" s="4" t="s">
        <v>1034</v>
      </c>
      <c r="C31" s="7">
        <v>915828064</v>
      </c>
      <c r="D31" s="7">
        <v>999490624.77999997</v>
      </c>
    </row>
    <row r="32" spans="1:4" x14ac:dyDescent="0.25">
      <c r="A32" s="2" t="s">
        <v>56</v>
      </c>
      <c r="B32" s="4" t="s">
        <v>1035</v>
      </c>
      <c r="C32" s="7">
        <v>13161665443.02</v>
      </c>
      <c r="D32" s="7">
        <v>15095057094.889999</v>
      </c>
    </row>
    <row r="33" spans="1:4" x14ac:dyDescent="0.25">
      <c r="A33" s="3" t="s">
        <v>58</v>
      </c>
      <c r="B33" s="5" t="s">
        <v>1036</v>
      </c>
      <c r="C33" s="6">
        <v>1747127369</v>
      </c>
      <c r="D33" s="6">
        <v>285482971.56999999</v>
      </c>
    </row>
    <row r="34" spans="1:4" x14ac:dyDescent="0.25">
      <c r="A34" s="2" t="s">
        <v>60</v>
      </c>
      <c r="B34" s="4" t="s">
        <v>1037</v>
      </c>
      <c r="C34" s="7">
        <v>35003682</v>
      </c>
      <c r="D34" s="7">
        <v>28464213</v>
      </c>
    </row>
    <row r="35" spans="1:4" x14ac:dyDescent="0.25">
      <c r="A35" s="2" t="s">
        <v>62</v>
      </c>
      <c r="B35" s="4" t="s">
        <v>1038</v>
      </c>
      <c r="C35" s="7">
        <v>5248000</v>
      </c>
      <c r="D35" s="7">
        <v>7721882.2800000003</v>
      </c>
    </row>
    <row r="36" spans="1:4" x14ac:dyDescent="0.25">
      <c r="A36" s="3" t="s">
        <v>64</v>
      </c>
      <c r="B36" s="5" t="s">
        <v>1039</v>
      </c>
      <c r="C36" s="6">
        <v>5188600</v>
      </c>
      <c r="D36" s="6">
        <v>817447.4</v>
      </c>
    </row>
    <row r="37" spans="1:4" x14ac:dyDescent="0.25">
      <c r="A37" s="2" t="s">
        <v>66</v>
      </c>
      <c r="B37" s="4" t="s">
        <v>1040</v>
      </c>
      <c r="C37" s="7">
        <v>0</v>
      </c>
      <c r="D37" s="7">
        <v>0</v>
      </c>
    </row>
    <row r="38" spans="1:4" x14ac:dyDescent="0.25">
      <c r="A38" s="2" t="s">
        <v>68</v>
      </c>
      <c r="B38" s="4" t="s">
        <v>1041</v>
      </c>
      <c r="C38" s="7">
        <v>0</v>
      </c>
      <c r="D38" s="7">
        <v>0</v>
      </c>
    </row>
    <row r="39" spans="1:4" x14ac:dyDescent="0.25">
      <c r="A39" s="2" t="s">
        <v>70</v>
      </c>
      <c r="B39" s="4" t="s">
        <v>1042</v>
      </c>
      <c r="C39" s="7">
        <v>5188600</v>
      </c>
      <c r="D39" s="7">
        <v>817447.4</v>
      </c>
    </row>
    <row r="40" spans="1:4" x14ac:dyDescent="0.25">
      <c r="A40" s="3" t="s">
        <v>72</v>
      </c>
      <c r="B40" s="5" t="s">
        <v>1043</v>
      </c>
      <c r="C40" s="6">
        <v>1076941987</v>
      </c>
      <c r="D40" s="6">
        <v>248446728.88999999</v>
      </c>
    </row>
    <row r="41" spans="1:4" x14ac:dyDescent="0.25">
      <c r="A41" s="2" t="s">
        <v>74</v>
      </c>
      <c r="B41" s="4" t="s">
        <v>1044</v>
      </c>
      <c r="C41" s="7">
        <v>508265487</v>
      </c>
      <c r="D41" s="7">
        <v>93482773.790000007</v>
      </c>
    </row>
    <row r="42" spans="1:4" x14ac:dyDescent="0.25">
      <c r="A42" s="2" t="s">
        <v>76</v>
      </c>
      <c r="B42" s="4" t="s">
        <v>1045</v>
      </c>
      <c r="C42" s="7">
        <v>568676500</v>
      </c>
      <c r="D42" s="7">
        <v>154963955.09999999</v>
      </c>
    </row>
    <row r="43" spans="1:4" x14ac:dyDescent="0.25">
      <c r="A43" s="3" t="s">
        <v>78</v>
      </c>
      <c r="B43" s="5" t="s">
        <v>944</v>
      </c>
      <c r="C43" s="6">
        <v>624745100</v>
      </c>
      <c r="D43" s="6">
        <v>32700</v>
      </c>
    </row>
    <row r="44" spans="1:4" x14ac:dyDescent="0.25">
      <c r="A44" s="2" t="s">
        <v>80</v>
      </c>
      <c r="B44" s="4" t="s">
        <v>1046</v>
      </c>
      <c r="C44" s="7">
        <v>0</v>
      </c>
      <c r="D44" s="7">
        <v>0</v>
      </c>
    </row>
    <row r="45" spans="1:4" x14ac:dyDescent="0.25">
      <c r="A45" s="2" t="s">
        <v>82</v>
      </c>
      <c r="B45" s="4" t="s">
        <v>1047</v>
      </c>
      <c r="C45" s="7">
        <v>624745100</v>
      </c>
      <c r="D45" s="7">
        <v>32700</v>
      </c>
    </row>
    <row r="46" spans="1:4" x14ac:dyDescent="0.25">
      <c r="A46" s="2" t="s">
        <v>84</v>
      </c>
      <c r="B46" s="4" t="s">
        <v>1048</v>
      </c>
      <c r="C46" s="7">
        <v>1706875687</v>
      </c>
      <c r="D46" s="7">
        <v>249296876.28999999</v>
      </c>
    </row>
    <row r="47" spans="1:4" x14ac:dyDescent="0.25">
      <c r="A47" s="3" t="s">
        <v>86</v>
      </c>
      <c r="B47" s="5" t="s">
        <v>1049</v>
      </c>
      <c r="C47" s="6">
        <v>14868541130.02</v>
      </c>
      <c r="D47" s="6">
        <v>15344353971.18</v>
      </c>
    </row>
    <row r="49" spans="1:9" x14ac:dyDescent="0.25">
      <c r="A49" s="8" t="s">
        <v>6</v>
      </c>
      <c r="B49" s="8" t="s">
        <v>1050</v>
      </c>
      <c r="C49" s="8" t="s">
        <v>947</v>
      </c>
      <c r="D49" s="8" t="s">
        <v>922</v>
      </c>
      <c r="E49" s="8" t="s">
        <v>5</v>
      </c>
      <c r="F49" s="8" t="s">
        <v>5</v>
      </c>
      <c r="G49" s="8" t="s">
        <v>5</v>
      </c>
      <c r="H49" s="8" t="s">
        <v>1053</v>
      </c>
      <c r="I49" s="8" t="s">
        <v>1053</v>
      </c>
    </row>
    <row r="50" spans="1:9" ht="21" x14ac:dyDescent="0.25">
      <c r="A50" s="8" t="s">
        <v>5</v>
      </c>
      <c r="B50" s="8" t="s">
        <v>5</v>
      </c>
      <c r="C50" s="8" t="s">
        <v>5</v>
      </c>
      <c r="D50" s="1" t="s">
        <v>167</v>
      </c>
      <c r="E50" s="1" t="s">
        <v>171</v>
      </c>
      <c r="F50" s="1" t="s">
        <v>1051</v>
      </c>
      <c r="G50" s="1" t="s">
        <v>1052</v>
      </c>
      <c r="H50" s="1" t="s">
        <v>1054</v>
      </c>
      <c r="I50" s="1" t="s">
        <v>1055</v>
      </c>
    </row>
    <row r="51" spans="1:9" x14ac:dyDescent="0.25">
      <c r="A51" s="3" t="s">
        <v>88</v>
      </c>
      <c r="B51" s="5" t="s">
        <v>1010</v>
      </c>
      <c r="C51" s="6">
        <v>13644819965.58</v>
      </c>
      <c r="D51" s="6">
        <v>12159185490.719999</v>
      </c>
      <c r="E51" s="6">
        <v>11968961785.639999</v>
      </c>
      <c r="F51" s="6">
        <v>11738102850.379999</v>
      </c>
      <c r="G51" s="6">
        <v>269596990.16000003</v>
      </c>
      <c r="H51" s="6">
        <v>143344881.25</v>
      </c>
      <c r="I51" s="6">
        <v>139934669.02000001</v>
      </c>
    </row>
    <row r="52" spans="1:9" x14ac:dyDescent="0.25">
      <c r="A52" s="2" t="s">
        <v>90</v>
      </c>
      <c r="B52" s="4" t="s">
        <v>1056</v>
      </c>
      <c r="C52" s="7">
        <v>9227967681.8999996</v>
      </c>
      <c r="D52" s="7">
        <v>8592964261.2399998</v>
      </c>
      <c r="E52" s="7">
        <v>8592193213.1299992</v>
      </c>
      <c r="F52" s="7">
        <v>8414779663.6400003</v>
      </c>
      <c r="G52" s="7">
        <v>178001714.69999999</v>
      </c>
      <c r="H52" s="7">
        <v>331547.34999999998</v>
      </c>
      <c r="I52" s="7">
        <v>331547.34999999998</v>
      </c>
    </row>
    <row r="53" spans="1:9" x14ac:dyDescent="0.25">
      <c r="A53" s="2" t="s">
        <v>92</v>
      </c>
      <c r="B53" s="4" t="s">
        <v>1057</v>
      </c>
      <c r="C53" s="7">
        <v>125572382</v>
      </c>
      <c r="D53" s="7">
        <v>106938058.62</v>
      </c>
      <c r="E53" s="7">
        <v>106938058.62</v>
      </c>
      <c r="F53" s="7">
        <v>106908058.62</v>
      </c>
      <c r="G53" s="7">
        <v>0</v>
      </c>
      <c r="H53" s="7">
        <v>0</v>
      </c>
      <c r="I53" s="7">
        <v>0</v>
      </c>
    </row>
    <row r="54" spans="1:9" x14ac:dyDescent="0.25">
      <c r="A54" s="3" t="s">
        <v>94</v>
      </c>
      <c r="B54" s="5" t="s">
        <v>1058</v>
      </c>
      <c r="C54" s="6">
        <v>4291279901.6799998</v>
      </c>
      <c r="D54" s="6">
        <v>3459283170.8600001</v>
      </c>
      <c r="E54" s="6">
        <v>3269830513.8899999</v>
      </c>
      <c r="F54" s="6">
        <v>3216415128.1199999</v>
      </c>
      <c r="G54" s="6">
        <v>91595275.459999993</v>
      </c>
      <c r="H54" s="6">
        <v>143013333.90000001</v>
      </c>
      <c r="I54" s="6">
        <v>139603121.66999999</v>
      </c>
    </row>
    <row r="55" spans="1:9" x14ac:dyDescent="0.25">
      <c r="A55" s="2" t="s">
        <v>96</v>
      </c>
      <c r="B55" s="4" t="s">
        <v>1059</v>
      </c>
      <c r="C55" s="7">
        <v>409717200</v>
      </c>
      <c r="D55" s="7">
        <v>397629751.83999997</v>
      </c>
      <c r="E55" s="7">
        <v>397629751.83999997</v>
      </c>
      <c r="F55" s="7">
        <v>397629751.83999997</v>
      </c>
      <c r="G55" s="7">
        <v>0</v>
      </c>
      <c r="H55" s="7">
        <v>0</v>
      </c>
      <c r="I55" s="7">
        <v>0</v>
      </c>
    </row>
    <row r="56" spans="1:9" x14ac:dyDescent="0.25">
      <c r="A56" s="2" t="s">
        <v>98</v>
      </c>
      <c r="B56" s="4" t="s">
        <v>1060</v>
      </c>
      <c r="C56" s="7">
        <v>3881562701.6799998</v>
      </c>
      <c r="D56" s="7">
        <v>3061653419.02</v>
      </c>
      <c r="E56" s="7">
        <v>2872200762.0500002</v>
      </c>
      <c r="F56" s="7">
        <v>2818785376.2800002</v>
      </c>
      <c r="G56" s="7">
        <v>91595275.459999993</v>
      </c>
      <c r="H56" s="7">
        <v>143013333.90000001</v>
      </c>
      <c r="I56" s="7">
        <v>139603121.66999999</v>
      </c>
    </row>
    <row r="57" spans="1:9" x14ac:dyDescent="0.25">
      <c r="A57" s="2" t="s">
        <v>100</v>
      </c>
      <c r="B57" s="4" t="s">
        <v>1061</v>
      </c>
      <c r="C57" s="7">
        <v>13519247583.58</v>
      </c>
      <c r="D57" s="7">
        <v>12052247432.1</v>
      </c>
      <c r="E57" s="7">
        <v>11862023727.02</v>
      </c>
      <c r="F57" s="7">
        <v>11631194791.76</v>
      </c>
      <c r="G57" s="7">
        <v>269596990.16000003</v>
      </c>
      <c r="H57" s="7">
        <v>143344881.25</v>
      </c>
      <c r="I57" s="7">
        <v>139934669.02000001</v>
      </c>
    </row>
    <row r="58" spans="1:9" x14ac:dyDescent="0.25">
      <c r="A58" s="3" t="s">
        <v>102</v>
      </c>
      <c r="B58" s="5" t="s">
        <v>1062</v>
      </c>
      <c r="C58" s="6">
        <v>2083556730.04</v>
      </c>
      <c r="D58" s="6">
        <v>1141210455.5799999</v>
      </c>
      <c r="E58" s="6">
        <v>1050487901.72</v>
      </c>
      <c r="F58" s="6">
        <v>1047091006.49</v>
      </c>
      <c r="G58" s="6">
        <v>6791943.5899999999</v>
      </c>
      <c r="H58" s="6">
        <v>99203467.980000004</v>
      </c>
      <c r="I58" s="6">
        <v>99113467.980000004</v>
      </c>
    </row>
    <row r="59" spans="1:9" x14ac:dyDescent="0.25">
      <c r="A59" s="2" t="s">
        <v>104</v>
      </c>
      <c r="B59" s="4" t="s">
        <v>1063</v>
      </c>
      <c r="C59" s="7">
        <v>1884599070.04</v>
      </c>
      <c r="D59" s="7">
        <v>992198233.58000004</v>
      </c>
      <c r="E59" s="7">
        <v>901475679.72000003</v>
      </c>
      <c r="F59" s="7">
        <v>898201118.05999994</v>
      </c>
      <c r="G59" s="7">
        <v>6791943.5899999999</v>
      </c>
      <c r="H59" s="7">
        <v>99203467.980000004</v>
      </c>
      <c r="I59" s="7">
        <v>99113467.980000004</v>
      </c>
    </row>
    <row r="60" spans="1:9" x14ac:dyDescent="0.25">
      <c r="A60" s="3" t="s">
        <v>106</v>
      </c>
      <c r="B60" s="5" t="s">
        <v>1064</v>
      </c>
      <c r="C60" s="6">
        <v>8603742</v>
      </c>
      <c r="D60" s="6">
        <v>4266407.5999999996</v>
      </c>
      <c r="E60" s="6">
        <v>4266407.5999999996</v>
      </c>
      <c r="F60" s="6">
        <v>4144074.03</v>
      </c>
      <c r="G60" s="6">
        <v>0</v>
      </c>
      <c r="H60" s="6">
        <v>0</v>
      </c>
      <c r="I60" s="6">
        <v>0</v>
      </c>
    </row>
    <row r="61" spans="1:9" x14ac:dyDescent="0.25">
      <c r="A61" s="2" t="s">
        <v>108</v>
      </c>
      <c r="B61" s="4" t="s">
        <v>1065</v>
      </c>
      <c r="C61" s="7">
        <v>0</v>
      </c>
      <c r="D61" s="7">
        <v>0</v>
      </c>
      <c r="E61" s="7">
        <v>0</v>
      </c>
      <c r="F61" s="7">
        <v>0</v>
      </c>
      <c r="G61" s="7">
        <v>0</v>
      </c>
      <c r="H61" s="7">
        <v>0</v>
      </c>
      <c r="I61" s="7">
        <v>0</v>
      </c>
    </row>
    <row r="62" spans="1:9" x14ac:dyDescent="0.25">
      <c r="A62" s="2" t="s">
        <v>110</v>
      </c>
      <c r="B62" s="4" t="s">
        <v>1066</v>
      </c>
      <c r="C62" s="7">
        <v>0</v>
      </c>
      <c r="D62" s="7">
        <v>0</v>
      </c>
      <c r="E62" s="7">
        <v>0</v>
      </c>
      <c r="F62" s="7">
        <v>0</v>
      </c>
      <c r="G62" s="7">
        <v>0</v>
      </c>
      <c r="H62" s="7">
        <v>0</v>
      </c>
      <c r="I62" s="7">
        <v>0</v>
      </c>
    </row>
    <row r="63" spans="1:9" x14ac:dyDescent="0.25">
      <c r="A63" s="2" t="s">
        <v>112</v>
      </c>
      <c r="B63" s="4" t="s">
        <v>1067</v>
      </c>
      <c r="C63" s="7">
        <v>0</v>
      </c>
      <c r="D63" s="7">
        <v>0</v>
      </c>
      <c r="E63" s="7">
        <v>0</v>
      </c>
      <c r="F63" s="7">
        <v>0</v>
      </c>
      <c r="G63" s="7">
        <v>0</v>
      </c>
      <c r="H63" s="7">
        <v>0</v>
      </c>
      <c r="I63" s="7">
        <v>0</v>
      </c>
    </row>
    <row r="64" spans="1:9" x14ac:dyDescent="0.25">
      <c r="A64" s="2" t="s">
        <v>114</v>
      </c>
      <c r="B64" s="4" t="s">
        <v>1068</v>
      </c>
      <c r="C64" s="7">
        <v>8603742</v>
      </c>
      <c r="D64" s="7">
        <v>4266407.5999999996</v>
      </c>
      <c r="E64" s="7">
        <v>4266407.5999999996</v>
      </c>
      <c r="F64" s="7">
        <v>4144074.03</v>
      </c>
      <c r="G64" s="7">
        <v>0</v>
      </c>
      <c r="H64" s="7">
        <v>0</v>
      </c>
      <c r="I64" s="7">
        <v>0</v>
      </c>
    </row>
    <row r="65" spans="1:9" x14ac:dyDescent="0.25">
      <c r="A65" s="2" t="s">
        <v>116</v>
      </c>
      <c r="B65" s="4" t="s">
        <v>1069</v>
      </c>
      <c r="C65" s="7">
        <v>190353918</v>
      </c>
      <c r="D65" s="7">
        <v>144745814.40000001</v>
      </c>
      <c r="E65" s="7">
        <v>144745814.40000001</v>
      </c>
      <c r="F65" s="7">
        <v>144745814.40000001</v>
      </c>
      <c r="G65" s="7">
        <v>0</v>
      </c>
      <c r="H65" s="7">
        <v>0</v>
      </c>
      <c r="I65" s="7">
        <v>0</v>
      </c>
    </row>
    <row r="66" spans="1:9" x14ac:dyDescent="0.25">
      <c r="A66" s="2" t="s">
        <v>118</v>
      </c>
      <c r="B66" s="4" t="s">
        <v>1070</v>
      </c>
      <c r="C66" s="7">
        <v>1893202812.04</v>
      </c>
      <c r="D66" s="7">
        <v>996464641.17999995</v>
      </c>
      <c r="E66" s="7">
        <v>905742087.32000005</v>
      </c>
      <c r="F66" s="7">
        <v>902345192.09000003</v>
      </c>
      <c r="G66" s="7">
        <v>6791943.5899999999</v>
      </c>
      <c r="H66" s="7">
        <v>99203467.980000004</v>
      </c>
      <c r="I66" s="7">
        <v>99113467.980000004</v>
      </c>
    </row>
    <row r="67" spans="1:9" x14ac:dyDescent="0.25">
      <c r="A67" s="2" t="s">
        <v>119</v>
      </c>
      <c r="B67" s="4" t="s">
        <v>1071</v>
      </c>
      <c r="C67" s="7">
        <v>617814</v>
      </c>
      <c r="D67" s="7">
        <v>0</v>
      </c>
      <c r="E67" s="7">
        <v>0</v>
      </c>
      <c r="F67" s="7">
        <v>0</v>
      </c>
      <c r="G67" s="7">
        <v>0</v>
      </c>
      <c r="H67" s="7">
        <v>0</v>
      </c>
      <c r="I67" s="7">
        <v>0</v>
      </c>
    </row>
    <row r="68" spans="1:9" x14ac:dyDescent="0.25">
      <c r="A68" s="3" t="s">
        <v>120</v>
      </c>
      <c r="B68" s="5" t="s">
        <v>1072</v>
      </c>
      <c r="C68" s="6">
        <v>15413068209.620001</v>
      </c>
      <c r="D68" s="6">
        <v>13048712073.280001</v>
      </c>
      <c r="E68" s="6">
        <v>12767765814.34</v>
      </c>
      <c r="F68" s="6">
        <v>12533539983.85</v>
      </c>
      <c r="G68" s="6">
        <v>276388933.75</v>
      </c>
      <c r="H68" s="6">
        <v>242548349.22999999</v>
      </c>
      <c r="I68" s="6">
        <v>239048137</v>
      </c>
    </row>
    <row r="70" spans="1:9" x14ac:dyDescent="0.25">
      <c r="A70" s="8" t="s">
        <v>6</v>
      </c>
      <c r="B70" s="8" t="s">
        <v>1073</v>
      </c>
      <c r="C70" s="8" t="s">
        <v>570</v>
      </c>
    </row>
    <row r="71" spans="1:9" x14ac:dyDescent="0.25">
      <c r="A71" s="8" t="s">
        <v>5</v>
      </c>
      <c r="B71" s="8" t="s">
        <v>5</v>
      </c>
      <c r="C71" s="8" t="s">
        <v>5</v>
      </c>
    </row>
    <row r="72" spans="1:9" x14ac:dyDescent="0.25">
      <c r="A72" s="2" t="s">
        <v>121</v>
      </c>
      <c r="B72" s="4" t="s">
        <v>1074</v>
      </c>
      <c r="C72" s="7">
        <v>2295376916.5799999</v>
      </c>
    </row>
    <row r="74" spans="1:9" x14ac:dyDescent="0.25">
      <c r="A74" s="8" t="s">
        <v>6</v>
      </c>
      <c r="B74" s="8" t="s">
        <v>1075</v>
      </c>
      <c r="C74" s="8" t="s">
        <v>1076</v>
      </c>
    </row>
    <row r="75" spans="1:9" x14ac:dyDescent="0.25">
      <c r="A75" s="8" t="s">
        <v>5</v>
      </c>
      <c r="B75" s="8" t="s">
        <v>5</v>
      </c>
      <c r="C75" s="8" t="s">
        <v>5</v>
      </c>
    </row>
    <row r="76" spans="1:9" x14ac:dyDescent="0.25">
      <c r="A76" s="2" t="s">
        <v>122</v>
      </c>
      <c r="B76" s="4" t="s">
        <v>1077</v>
      </c>
      <c r="C76" s="7">
        <v>799683900</v>
      </c>
    </row>
    <row r="78" spans="1:9" ht="21" x14ac:dyDescent="0.25">
      <c r="A78" s="8" t="s">
        <v>6</v>
      </c>
      <c r="B78" s="8" t="s">
        <v>1078</v>
      </c>
      <c r="C78" s="1" t="s">
        <v>922</v>
      </c>
    </row>
    <row r="79" spans="1:9" ht="21" x14ac:dyDescent="0.25">
      <c r="A79" s="8" t="s">
        <v>5</v>
      </c>
      <c r="B79" s="8" t="s">
        <v>5</v>
      </c>
      <c r="C79" s="1" t="s">
        <v>1079</v>
      </c>
    </row>
    <row r="80" spans="1:9" x14ac:dyDescent="0.25">
      <c r="A80" s="2" t="s">
        <v>123</v>
      </c>
      <c r="B80" s="4" t="s">
        <v>1080</v>
      </c>
      <c r="C80" s="7">
        <v>139088042.69999999</v>
      </c>
    </row>
    <row r="81" spans="1:4" x14ac:dyDescent="0.25">
      <c r="A81" s="2" t="s">
        <v>124</v>
      </c>
      <c r="B81" s="4" t="s">
        <v>1081</v>
      </c>
      <c r="C81" s="7">
        <v>459950910.47000003</v>
      </c>
    </row>
    <row r="83" spans="1:4" x14ac:dyDescent="0.25">
      <c r="A83" s="8" t="s">
        <v>6</v>
      </c>
      <c r="B83" s="8" t="s">
        <v>1082</v>
      </c>
      <c r="C83" s="8" t="s">
        <v>1079</v>
      </c>
    </row>
    <row r="84" spans="1:4" x14ac:dyDescent="0.25">
      <c r="A84" s="8" t="s">
        <v>5</v>
      </c>
      <c r="B84" s="8" t="s">
        <v>5</v>
      </c>
      <c r="C84" s="8" t="s">
        <v>5</v>
      </c>
    </row>
    <row r="85" spans="1:4" x14ac:dyDescent="0.25">
      <c r="A85" s="2" t="s">
        <v>125</v>
      </c>
      <c r="B85" s="4" t="s">
        <v>1083</v>
      </c>
      <c r="C85" s="7">
        <v>1974514048.8099999</v>
      </c>
    </row>
    <row r="87" spans="1:4" x14ac:dyDescent="0.25">
      <c r="A87" s="8" t="s">
        <v>6</v>
      </c>
      <c r="B87" s="8" t="s">
        <v>1084</v>
      </c>
      <c r="C87" s="8" t="s">
        <v>1076</v>
      </c>
    </row>
    <row r="88" spans="1:4" x14ac:dyDescent="0.25">
      <c r="A88" s="8" t="s">
        <v>5</v>
      </c>
      <c r="B88" s="8" t="s">
        <v>5</v>
      </c>
      <c r="C88" s="8" t="s">
        <v>5</v>
      </c>
    </row>
    <row r="89" spans="1:4" x14ac:dyDescent="0.25">
      <c r="A89" s="2" t="s">
        <v>126</v>
      </c>
      <c r="B89" s="4" t="s">
        <v>1077</v>
      </c>
      <c r="C89" s="7">
        <v>285304200</v>
      </c>
    </row>
    <row r="91" spans="1:4" x14ac:dyDescent="0.25">
      <c r="A91" s="8" t="s">
        <v>6</v>
      </c>
      <c r="B91" s="8" t="s">
        <v>1085</v>
      </c>
      <c r="C91" s="8" t="s">
        <v>1086</v>
      </c>
      <c r="D91" s="8" t="s">
        <v>1086</v>
      </c>
    </row>
    <row r="92" spans="1:4" ht="21" x14ac:dyDescent="0.25">
      <c r="A92" s="8" t="s">
        <v>5</v>
      </c>
      <c r="B92" s="8" t="s">
        <v>5</v>
      </c>
      <c r="C92" s="1" t="s">
        <v>1087</v>
      </c>
      <c r="D92" s="1" t="s">
        <v>477</v>
      </c>
    </row>
    <row r="93" spans="1:4" x14ac:dyDescent="0.25">
      <c r="A93" s="2" t="s">
        <v>128</v>
      </c>
      <c r="B93" s="4" t="s">
        <v>1088</v>
      </c>
      <c r="C93" s="7">
        <v>9026509619.5300007</v>
      </c>
      <c r="D93" s="7">
        <v>9352844933.2099991</v>
      </c>
    </row>
    <row r="94" spans="1:4" x14ac:dyDescent="0.25">
      <c r="A94" s="3" t="s">
        <v>130</v>
      </c>
      <c r="B94" s="5" t="s">
        <v>1089</v>
      </c>
      <c r="C94" s="6">
        <v>1690332946.6600001</v>
      </c>
      <c r="D94" s="6">
        <v>3609284331.3299999</v>
      </c>
    </row>
    <row r="95" spans="1:4" x14ac:dyDescent="0.25">
      <c r="A95" s="3" t="s">
        <v>132</v>
      </c>
      <c r="B95" s="5" t="s">
        <v>1090</v>
      </c>
      <c r="C95" s="6">
        <v>1403225570.4000001</v>
      </c>
      <c r="D95" s="6">
        <v>3285610223.1199999</v>
      </c>
    </row>
    <row r="96" spans="1:4" x14ac:dyDescent="0.25">
      <c r="A96" s="2" t="s">
        <v>134</v>
      </c>
      <c r="B96" s="4" t="s">
        <v>1091</v>
      </c>
      <c r="C96" s="7">
        <v>1781205968.45</v>
      </c>
      <c r="D96" s="7">
        <v>3595662492.1100001</v>
      </c>
    </row>
    <row r="97" spans="1:4" x14ac:dyDescent="0.25">
      <c r="A97" s="2" t="s">
        <v>136</v>
      </c>
      <c r="B97" s="4" t="s">
        <v>1092</v>
      </c>
      <c r="C97" s="7">
        <v>377980398.05000001</v>
      </c>
      <c r="D97" s="7">
        <v>310052268.99000001</v>
      </c>
    </row>
    <row r="98" spans="1:4" x14ac:dyDescent="0.25">
      <c r="A98" s="2" t="s">
        <v>138</v>
      </c>
      <c r="B98" s="4" t="s">
        <v>1093</v>
      </c>
      <c r="C98" s="7">
        <v>287107376.25999999</v>
      </c>
      <c r="D98" s="7">
        <v>323674108.20999998</v>
      </c>
    </row>
    <row r="99" spans="1:4" x14ac:dyDescent="0.25">
      <c r="A99" s="3" t="s">
        <v>140</v>
      </c>
      <c r="B99" s="5" t="s">
        <v>1094</v>
      </c>
      <c r="C99" s="6">
        <v>7336176672.8699999</v>
      </c>
      <c r="D99" s="6">
        <v>5743560601.8800001</v>
      </c>
    </row>
    <row r="101" spans="1:4" x14ac:dyDescent="0.25">
      <c r="A101" s="8" t="s">
        <v>6</v>
      </c>
      <c r="B101" s="8" t="s">
        <v>1095</v>
      </c>
      <c r="C101" s="8" t="s">
        <v>1096</v>
      </c>
    </row>
    <row r="102" spans="1:4" x14ac:dyDescent="0.25">
      <c r="A102" s="8" t="s">
        <v>5</v>
      </c>
      <c r="B102" s="8" t="s">
        <v>5</v>
      </c>
      <c r="C102" s="8" t="s">
        <v>5</v>
      </c>
    </row>
    <row r="103" spans="1:4" x14ac:dyDescent="0.25">
      <c r="A103" s="2" t="s">
        <v>142</v>
      </c>
      <c r="B103" s="4" t="s">
        <v>1097</v>
      </c>
      <c r="C103" s="7">
        <v>1592616070.99</v>
      </c>
    </row>
    <row r="105" spans="1:4" x14ac:dyDescent="0.25">
      <c r="A105" s="8" t="s">
        <v>6</v>
      </c>
      <c r="B105" s="8" t="s">
        <v>1098</v>
      </c>
      <c r="C105" s="8" t="s">
        <v>1096</v>
      </c>
    </row>
    <row r="106" spans="1:4" x14ac:dyDescent="0.25">
      <c r="A106" s="8" t="s">
        <v>5</v>
      </c>
      <c r="B106" s="8" t="s">
        <v>5</v>
      </c>
      <c r="C106" s="8" t="s">
        <v>5</v>
      </c>
    </row>
    <row r="107" spans="1:4" x14ac:dyDescent="0.25">
      <c r="A107" s="2" t="s">
        <v>144</v>
      </c>
      <c r="B107" s="4" t="s">
        <v>1099</v>
      </c>
      <c r="C107" s="7">
        <v>67928129.060000002</v>
      </c>
    </row>
    <row r="108" spans="1:4" x14ac:dyDescent="0.25">
      <c r="A108" s="2" t="s">
        <v>146</v>
      </c>
      <c r="B108" s="4" t="s">
        <v>1100</v>
      </c>
      <c r="C108" s="7">
        <v>0</v>
      </c>
    </row>
    <row r="109" spans="1:4" x14ac:dyDescent="0.25">
      <c r="A109" s="2" t="s">
        <v>148</v>
      </c>
      <c r="B109" s="4" t="s">
        <v>1101</v>
      </c>
      <c r="C109" s="7">
        <v>6807032.5199999996</v>
      </c>
    </row>
    <row r="110" spans="1:4" x14ac:dyDescent="0.25">
      <c r="A110" s="2" t="s">
        <v>150</v>
      </c>
      <c r="B110" s="4" t="s">
        <v>1102</v>
      </c>
      <c r="C110" s="7">
        <v>-645242219.89999998</v>
      </c>
    </row>
    <row r="111" spans="1:4" x14ac:dyDescent="0.25">
      <c r="A111" s="2" t="s">
        <v>151</v>
      </c>
      <c r="B111" s="4" t="s">
        <v>1103</v>
      </c>
      <c r="C111" s="7">
        <v>221480850.96000001</v>
      </c>
    </row>
    <row r="112" spans="1:4" x14ac:dyDescent="0.25">
      <c r="A112" s="2" t="s">
        <v>152</v>
      </c>
      <c r="B112" s="4" t="s">
        <v>1104</v>
      </c>
      <c r="C112" s="7">
        <v>0</v>
      </c>
    </row>
    <row r="113" spans="1:8" x14ac:dyDescent="0.25">
      <c r="A113" s="2" t="s">
        <v>154</v>
      </c>
      <c r="B113" s="4" t="s">
        <v>1105</v>
      </c>
      <c r="C113" s="7">
        <v>0</v>
      </c>
    </row>
    <row r="114" spans="1:8" x14ac:dyDescent="0.25">
      <c r="A114" s="2" t="s">
        <v>156</v>
      </c>
      <c r="B114" s="4" t="s">
        <v>1106</v>
      </c>
      <c r="C114" s="7">
        <v>664771903.59000003</v>
      </c>
    </row>
    <row r="116" spans="1:8" x14ac:dyDescent="0.25">
      <c r="A116" s="8" t="s">
        <v>6</v>
      </c>
      <c r="B116" s="8" t="s">
        <v>1107</v>
      </c>
      <c r="C116" s="8" t="s">
        <v>964</v>
      </c>
    </row>
    <row r="117" spans="1:8" x14ac:dyDescent="0.25">
      <c r="A117" s="8" t="s">
        <v>5</v>
      </c>
      <c r="B117" s="8" t="s">
        <v>5</v>
      </c>
      <c r="C117" s="8" t="s">
        <v>5</v>
      </c>
    </row>
    <row r="118" spans="1:8" x14ac:dyDescent="0.25">
      <c r="A118" s="2" t="s">
        <v>158</v>
      </c>
      <c r="B118" s="4" t="s">
        <v>1108</v>
      </c>
      <c r="C118" s="7">
        <v>985634771.36000001</v>
      </c>
    </row>
    <row r="120" spans="1:8" x14ac:dyDescent="0.25">
      <c r="A120" s="8" t="s">
        <v>6</v>
      </c>
      <c r="B120" s="8" t="s">
        <v>1109</v>
      </c>
      <c r="C120" s="8" t="s">
        <v>964</v>
      </c>
    </row>
    <row r="121" spans="1:8" x14ac:dyDescent="0.25">
      <c r="A121" s="8" t="s">
        <v>5</v>
      </c>
      <c r="B121" s="8" t="s">
        <v>5</v>
      </c>
      <c r="C121" s="8" t="s">
        <v>5</v>
      </c>
    </row>
    <row r="122" spans="1:8" x14ac:dyDescent="0.25">
      <c r="A122" s="3" t="s">
        <v>160</v>
      </c>
      <c r="B122" s="5" t="s">
        <v>1110</v>
      </c>
      <c r="C122" s="6">
        <v>276035256.70999998</v>
      </c>
    </row>
    <row r="123" spans="1:8" x14ac:dyDescent="0.25">
      <c r="A123" s="2" t="s">
        <v>162</v>
      </c>
      <c r="B123" s="4" t="s">
        <v>161</v>
      </c>
      <c r="C123" s="7">
        <v>0</v>
      </c>
    </row>
    <row r="124" spans="1:8" x14ac:dyDescent="0.25">
      <c r="A124" s="2" t="s">
        <v>177</v>
      </c>
      <c r="B124" s="4" t="s">
        <v>1111</v>
      </c>
      <c r="C124" s="7">
        <v>276035256.70999998</v>
      </c>
    </row>
    <row r="125" spans="1:8" x14ac:dyDescent="0.25">
      <c r="A125" s="2" t="s">
        <v>179</v>
      </c>
      <c r="B125" s="4" t="s">
        <v>966</v>
      </c>
      <c r="C125" s="7">
        <v>0</v>
      </c>
    </row>
    <row r="127" spans="1:8" x14ac:dyDescent="0.25">
      <c r="A127" s="8" t="s">
        <v>6</v>
      </c>
      <c r="B127" s="8" t="s">
        <v>1112</v>
      </c>
      <c r="C127" s="8" t="s">
        <v>167</v>
      </c>
      <c r="D127" s="8" t="s">
        <v>5</v>
      </c>
      <c r="E127" s="8" t="s">
        <v>171</v>
      </c>
      <c r="F127" s="8" t="s">
        <v>5</v>
      </c>
      <c r="G127" s="8" t="s">
        <v>1009</v>
      </c>
      <c r="H127" s="8" t="s">
        <v>1009</v>
      </c>
    </row>
    <row r="128" spans="1:8" ht="31.5" x14ac:dyDescent="0.25">
      <c r="A128" s="8" t="s">
        <v>5</v>
      </c>
      <c r="B128" s="8" t="s">
        <v>5</v>
      </c>
      <c r="C128" s="1" t="s">
        <v>1113</v>
      </c>
      <c r="D128" s="1" t="s">
        <v>1114</v>
      </c>
      <c r="E128" s="1" t="s">
        <v>1113</v>
      </c>
      <c r="F128" s="1" t="s">
        <v>1114</v>
      </c>
      <c r="G128" s="1" t="s">
        <v>1113</v>
      </c>
      <c r="H128" s="1" t="s">
        <v>1114</v>
      </c>
    </row>
    <row r="129" spans="1:8" x14ac:dyDescent="0.25">
      <c r="A129" s="3" t="s">
        <v>181</v>
      </c>
      <c r="B129" s="5" t="s">
        <v>1115</v>
      </c>
      <c r="C129" s="6">
        <v>13765239244.34</v>
      </c>
      <c r="D129" s="6">
        <v>14224263865.59</v>
      </c>
      <c r="E129" s="6">
        <v>13576701473.33</v>
      </c>
      <c r="F129" s="6">
        <v>14034040160.51</v>
      </c>
      <c r="G129" s="6">
        <v>188537771.00999999</v>
      </c>
      <c r="H129" s="6">
        <v>190223705.08000001</v>
      </c>
    </row>
    <row r="130" spans="1:8" x14ac:dyDescent="0.25">
      <c r="A130" s="2" t="s">
        <v>183</v>
      </c>
      <c r="B130" s="4" t="s">
        <v>1056</v>
      </c>
      <c r="C130" s="7">
        <v>10426670770.639999</v>
      </c>
      <c r="D130" s="7">
        <v>10569633667.030001</v>
      </c>
      <c r="E130" s="7">
        <v>10424613807.02</v>
      </c>
      <c r="F130" s="7">
        <v>10568862618.92</v>
      </c>
      <c r="G130" s="7">
        <v>2056963.62</v>
      </c>
      <c r="H130" s="7">
        <v>771048.11</v>
      </c>
    </row>
    <row r="131" spans="1:8" x14ac:dyDescent="0.25">
      <c r="A131" s="2" t="s">
        <v>185</v>
      </c>
      <c r="B131" s="4" t="s">
        <v>1116</v>
      </c>
      <c r="C131" s="7">
        <v>356839296.10000002</v>
      </c>
      <c r="D131" s="7">
        <v>106938058.62</v>
      </c>
      <c r="E131" s="7">
        <v>356839296.10000002</v>
      </c>
      <c r="F131" s="7">
        <v>106938058.62</v>
      </c>
      <c r="G131" s="7">
        <v>0</v>
      </c>
      <c r="H131" s="7">
        <v>0</v>
      </c>
    </row>
    <row r="132" spans="1:8" x14ac:dyDescent="0.25">
      <c r="A132" s="2" t="s">
        <v>187</v>
      </c>
      <c r="B132" s="4" t="s">
        <v>1058</v>
      </c>
      <c r="C132" s="7">
        <v>2981729177.5999999</v>
      </c>
      <c r="D132" s="7">
        <v>3547692139.9400001</v>
      </c>
      <c r="E132" s="7">
        <v>2795248370.21</v>
      </c>
      <c r="F132" s="7">
        <v>3358239482.9699998</v>
      </c>
      <c r="G132" s="7">
        <v>186480807.38999999</v>
      </c>
      <c r="H132" s="7">
        <v>189452656.97</v>
      </c>
    </row>
    <row r="133" spans="1:8" x14ac:dyDescent="0.25">
      <c r="A133" s="2" t="s">
        <v>189</v>
      </c>
      <c r="B133" s="4" t="s">
        <v>1117</v>
      </c>
      <c r="C133" s="7">
        <v>13408399948.24</v>
      </c>
      <c r="D133" s="7">
        <v>14117325806.969999</v>
      </c>
      <c r="E133" s="7">
        <v>13219862177.23</v>
      </c>
      <c r="F133" s="7">
        <v>13927102101.889999</v>
      </c>
      <c r="G133" s="7">
        <v>188537771.00999999</v>
      </c>
      <c r="H133" s="7">
        <v>190223705.08000001</v>
      </c>
    </row>
    <row r="134" spans="1:8" x14ac:dyDescent="0.25">
      <c r="A134" s="2" t="s">
        <v>191</v>
      </c>
      <c r="B134" s="4" t="s">
        <v>1118</v>
      </c>
      <c r="C134" s="7">
        <v>168000000</v>
      </c>
      <c r="D134" s="7">
        <v>397629751.83999997</v>
      </c>
      <c r="E134" s="7">
        <v>168000000</v>
      </c>
      <c r="F134" s="7">
        <v>397629751.83999997</v>
      </c>
      <c r="G134" s="7">
        <v>0</v>
      </c>
      <c r="H134" s="7">
        <v>0</v>
      </c>
    </row>
    <row r="135" spans="1:8" x14ac:dyDescent="0.25">
      <c r="A135" s="2" t="s">
        <v>193</v>
      </c>
      <c r="B135" s="4" t="s">
        <v>1119</v>
      </c>
      <c r="C135" s="7">
        <v>92848490.579999998</v>
      </c>
      <c r="D135" s="7">
        <v>121577563.54000001</v>
      </c>
      <c r="E135" s="7">
        <v>92818908.450000003</v>
      </c>
      <c r="F135" s="7">
        <v>121565563.54000001</v>
      </c>
      <c r="G135" s="7">
        <v>29582.13</v>
      </c>
      <c r="H135" s="7">
        <v>12000</v>
      </c>
    </row>
    <row r="136" spans="1:8" x14ac:dyDescent="0.25">
      <c r="A136" s="2" t="s">
        <v>195</v>
      </c>
      <c r="B136" s="4" t="s">
        <v>1120</v>
      </c>
      <c r="C136" s="7">
        <v>13147551457.66</v>
      </c>
      <c r="D136" s="7">
        <v>13598118491.59</v>
      </c>
      <c r="E136" s="7">
        <v>12959043268.780001</v>
      </c>
      <c r="F136" s="7">
        <v>13407906786.51</v>
      </c>
      <c r="G136" s="7">
        <v>188508188.88</v>
      </c>
      <c r="H136" s="7">
        <v>190211705.08000001</v>
      </c>
    </row>
  </sheetData>
  <mergeCells count="48">
    <mergeCell ref="A3:I3"/>
    <mergeCell ref="A4:I4"/>
    <mergeCell ref="A5:I5"/>
    <mergeCell ref="A6:I6"/>
    <mergeCell ref="A7:I7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70:A71"/>
    <mergeCell ref="B70:B71"/>
    <mergeCell ref="C70:C71"/>
    <mergeCell ref="A74:A75"/>
    <mergeCell ref="B74:B75"/>
    <mergeCell ref="C74:C75"/>
    <mergeCell ref="A78:A79"/>
    <mergeCell ref="B78:B79"/>
    <mergeCell ref="A83:A84"/>
    <mergeCell ref="B83:B84"/>
    <mergeCell ref="C83:C84"/>
    <mergeCell ref="A87:A88"/>
    <mergeCell ref="B87:B88"/>
    <mergeCell ref="C87:C88"/>
    <mergeCell ref="A91:A92"/>
    <mergeCell ref="B91:B92"/>
    <mergeCell ref="C91:D91"/>
    <mergeCell ref="A101:A102"/>
    <mergeCell ref="B101:B102"/>
    <mergeCell ref="C101:C102"/>
    <mergeCell ref="A105:A106"/>
    <mergeCell ref="B105:B106"/>
    <mergeCell ref="C105:C106"/>
    <mergeCell ref="A116:A117"/>
    <mergeCell ref="B116:B117"/>
    <mergeCell ref="C116:C117"/>
    <mergeCell ref="A120:A121"/>
    <mergeCell ref="B120:B121"/>
    <mergeCell ref="C120:C121"/>
    <mergeCell ref="A127:A128"/>
    <mergeCell ref="B127:B128"/>
    <mergeCell ref="C127:D127"/>
    <mergeCell ref="E127:F127"/>
    <mergeCell ref="G127:H12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/>
  </sheetViews>
  <sheetFormatPr defaultRowHeight="15" x14ac:dyDescent="0.25"/>
  <cols>
    <col min="3" max="5" width="17.28515625" bestFit="1" customWidth="1"/>
    <col min="6" max="8" width="16" bestFit="1" customWidth="1"/>
    <col min="9" max="12" width="17.28515625" bestFit="1" customWidth="1"/>
    <col min="13" max="13" width="16" bestFit="1" customWidth="1"/>
    <col min="14" max="14" width="17.28515625" bestFit="1" customWidth="1"/>
  </cols>
  <sheetData>
    <row r="3" spans="1:14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  <c r="N3" s="10"/>
    </row>
    <row r="4" spans="1:14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</row>
    <row r="5" spans="1:14" x14ac:dyDescent="0.25">
      <c r="A5" s="12" t="s">
        <v>1121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  <c r="N5" s="10"/>
    </row>
    <row r="6" spans="1:14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  <c r="N6" s="10"/>
    </row>
    <row r="7" spans="1:14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  <c r="N7" s="10"/>
    </row>
    <row r="9" spans="1:14" x14ac:dyDescent="0.25">
      <c r="A9" s="9" t="s">
        <v>5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  <c r="N9" s="10"/>
    </row>
    <row r="10" spans="1:14" x14ac:dyDescent="0.25">
      <c r="A10" s="8" t="s">
        <v>6</v>
      </c>
      <c r="B10" s="8" t="s">
        <v>1122</v>
      </c>
      <c r="C10" s="8" t="s">
        <v>1123</v>
      </c>
      <c r="D10" s="8" t="s">
        <v>5</v>
      </c>
      <c r="E10" s="8" t="s">
        <v>5</v>
      </c>
      <c r="F10" s="8" t="s">
        <v>5</v>
      </c>
      <c r="G10" s="8" t="s">
        <v>5</v>
      </c>
      <c r="H10" s="8" t="s">
        <v>1128</v>
      </c>
      <c r="I10" s="8" t="s">
        <v>5</v>
      </c>
      <c r="J10" s="8" t="s">
        <v>5</v>
      </c>
      <c r="K10" s="8" t="s">
        <v>5</v>
      </c>
      <c r="L10" s="8" t="s">
        <v>5</v>
      </c>
      <c r="M10" s="8" t="s">
        <v>5</v>
      </c>
      <c r="N10" s="8" t="s">
        <v>1135</v>
      </c>
    </row>
    <row r="11" spans="1:14" ht="63" x14ac:dyDescent="0.25">
      <c r="A11" s="8" t="s">
        <v>5</v>
      </c>
      <c r="B11" s="8" t="s">
        <v>5</v>
      </c>
      <c r="C11" s="1" t="s">
        <v>1124</v>
      </c>
      <c r="D11" s="1" t="s">
        <v>1125</v>
      </c>
      <c r="E11" s="1" t="s">
        <v>1055</v>
      </c>
      <c r="F11" s="1" t="s">
        <v>1126</v>
      </c>
      <c r="G11" s="1" t="s">
        <v>1127</v>
      </c>
      <c r="H11" s="1" t="s">
        <v>1129</v>
      </c>
      <c r="I11" s="1" t="s">
        <v>1130</v>
      </c>
      <c r="J11" s="1" t="s">
        <v>1131</v>
      </c>
      <c r="K11" s="1" t="s">
        <v>1132</v>
      </c>
      <c r="L11" s="1" t="s">
        <v>1133</v>
      </c>
      <c r="M11" s="1" t="s">
        <v>1134</v>
      </c>
      <c r="N11" s="8" t="s">
        <v>5</v>
      </c>
    </row>
    <row r="12" spans="1:14" x14ac:dyDescent="0.25">
      <c r="A12" s="3" t="s">
        <v>16</v>
      </c>
      <c r="B12" s="5" t="s">
        <v>1136</v>
      </c>
      <c r="C12" s="6">
        <v>95904037.670000002</v>
      </c>
      <c r="D12" s="6">
        <v>282947803.02999997</v>
      </c>
      <c r="E12" s="6">
        <v>276388933.75</v>
      </c>
      <c r="F12" s="6">
        <v>29261601.809999999</v>
      </c>
      <c r="G12" s="6">
        <v>73201305.140000001</v>
      </c>
      <c r="H12" s="6">
        <v>65451832.469999999</v>
      </c>
      <c r="I12" s="6">
        <v>343110261.60000002</v>
      </c>
      <c r="J12" s="6">
        <v>242548349.22999999</v>
      </c>
      <c r="K12" s="6">
        <v>239048137</v>
      </c>
      <c r="L12" s="6">
        <v>101294606.8</v>
      </c>
      <c r="M12" s="6">
        <v>68219350.269999996</v>
      </c>
      <c r="N12" s="6">
        <v>141420655.41</v>
      </c>
    </row>
    <row r="13" spans="1:14" x14ac:dyDescent="0.25">
      <c r="A13" s="2" t="s">
        <v>18</v>
      </c>
      <c r="B13" s="4" t="s">
        <v>1137</v>
      </c>
      <c r="C13" s="7">
        <v>85309977.209999993</v>
      </c>
      <c r="D13" s="7">
        <v>250247548.38</v>
      </c>
      <c r="E13" s="7">
        <v>233094618.63999999</v>
      </c>
      <c r="F13" s="7">
        <v>29261601.809999999</v>
      </c>
      <c r="G13" s="7">
        <v>73201305.140000001</v>
      </c>
      <c r="H13" s="7">
        <v>63515709.640000001</v>
      </c>
      <c r="I13" s="7">
        <v>294264988.26999998</v>
      </c>
      <c r="J13" s="7">
        <v>204507895.44</v>
      </c>
      <c r="K13" s="7">
        <v>204320890.66</v>
      </c>
      <c r="L13" s="7">
        <v>89911003.239999995</v>
      </c>
      <c r="M13" s="7">
        <v>63548804.009999998</v>
      </c>
      <c r="N13" s="7">
        <v>136750109.15000001</v>
      </c>
    </row>
    <row r="14" spans="1:14" x14ac:dyDescent="0.25">
      <c r="A14" s="3" t="s">
        <v>20</v>
      </c>
      <c r="B14" s="5" t="s">
        <v>1138</v>
      </c>
      <c r="C14" s="6">
        <v>9767796.5399999991</v>
      </c>
      <c r="D14" s="6">
        <v>728055.26</v>
      </c>
      <c r="E14" s="6">
        <v>10495851.800000001</v>
      </c>
      <c r="F14" s="6">
        <v>0</v>
      </c>
      <c r="G14" s="6">
        <v>0</v>
      </c>
      <c r="H14" s="6">
        <v>1936122.83</v>
      </c>
      <c r="I14" s="6">
        <v>2272008.11</v>
      </c>
      <c r="J14" s="6">
        <v>2655208.65</v>
      </c>
      <c r="K14" s="6">
        <v>2655208.65</v>
      </c>
      <c r="L14" s="6">
        <v>1325936.0900000001</v>
      </c>
      <c r="M14" s="6">
        <v>226986.2</v>
      </c>
      <c r="N14" s="6">
        <v>226986.2</v>
      </c>
    </row>
    <row r="15" spans="1:14" x14ac:dyDescent="0.25">
      <c r="A15" s="2" t="s">
        <v>22</v>
      </c>
      <c r="B15" s="4" t="s">
        <v>1139</v>
      </c>
      <c r="C15" s="7">
        <v>9767796.5399999991</v>
      </c>
      <c r="D15" s="7">
        <v>0</v>
      </c>
      <c r="E15" s="7">
        <v>9767796.5399999991</v>
      </c>
      <c r="F15" s="7">
        <v>0</v>
      </c>
      <c r="G15" s="7">
        <v>0</v>
      </c>
      <c r="H15" s="7">
        <v>1936122.83</v>
      </c>
      <c r="I15" s="7">
        <v>0</v>
      </c>
      <c r="J15" s="7">
        <v>789214.66</v>
      </c>
      <c r="K15" s="7">
        <v>789214.66</v>
      </c>
      <c r="L15" s="7">
        <v>1146908.17</v>
      </c>
      <c r="M15" s="7">
        <v>0</v>
      </c>
      <c r="N15" s="7">
        <v>0</v>
      </c>
    </row>
    <row r="16" spans="1:14" x14ac:dyDescent="0.25">
      <c r="A16" s="2" t="s">
        <v>24</v>
      </c>
      <c r="B16" s="4" t="s">
        <v>1140</v>
      </c>
      <c r="C16" s="7">
        <v>0</v>
      </c>
      <c r="D16" s="7">
        <v>727043.59</v>
      </c>
      <c r="E16" s="7">
        <v>727043.59</v>
      </c>
      <c r="F16" s="7">
        <v>0</v>
      </c>
      <c r="G16" s="7">
        <v>0</v>
      </c>
      <c r="H16" s="7">
        <v>0</v>
      </c>
      <c r="I16" s="7">
        <v>2267312.21</v>
      </c>
      <c r="J16" s="7">
        <v>1861308.99</v>
      </c>
      <c r="K16" s="7">
        <v>1861308.99</v>
      </c>
      <c r="L16" s="7">
        <v>179017.02</v>
      </c>
      <c r="M16" s="7">
        <v>226986.2</v>
      </c>
      <c r="N16" s="7">
        <v>226986.2</v>
      </c>
    </row>
    <row r="17" spans="1:14" x14ac:dyDescent="0.25">
      <c r="A17" s="2" t="s">
        <v>26</v>
      </c>
      <c r="B17" s="4" t="s">
        <v>1141</v>
      </c>
      <c r="C17" s="7">
        <v>0</v>
      </c>
      <c r="D17" s="7">
        <v>1011.67</v>
      </c>
      <c r="E17" s="7">
        <v>1011.67</v>
      </c>
      <c r="F17" s="7">
        <v>0</v>
      </c>
      <c r="G17" s="7">
        <v>0</v>
      </c>
      <c r="H17" s="7">
        <v>0</v>
      </c>
      <c r="I17" s="7">
        <v>4695.8999999999996</v>
      </c>
      <c r="J17" s="7">
        <v>4685</v>
      </c>
      <c r="K17" s="7">
        <v>4685</v>
      </c>
      <c r="L17" s="7">
        <v>10.9</v>
      </c>
      <c r="M17" s="7">
        <v>0</v>
      </c>
      <c r="N17" s="7">
        <v>0</v>
      </c>
    </row>
    <row r="18" spans="1:14" x14ac:dyDescent="0.25">
      <c r="A18" s="3" t="s">
        <v>28</v>
      </c>
      <c r="B18" s="5" t="s">
        <v>1142</v>
      </c>
      <c r="C18" s="6">
        <v>0</v>
      </c>
      <c r="D18" s="6">
        <v>31487734.809999999</v>
      </c>
      <c r="E18" s="6">
        <v>31487734.809999999</v>
      </c>
      <c r="F18" s="6">
        <v>0</v>
      </c>
      <c r="G18" s="6">
        <v>0</v>
      </c>
      <c r="H18" s="6">
        <v>0</v>
      </c>
      <c r="I18" s="6">
        <v>20106935.5</v>
      </c>
      <c r="J18" s="6">
        <v>11377113.5</v>
      </c>
      <c r="K18" s="6">
        <v>11376458</v>
      </c>
      <c r="L18" s="6">
        <v>7599469.3899999997</v>
      </c>
      <c r="M18" s="6">
        <v>1131008.1100000001</v>
      </c>
      <c r="N18" s="6">
        <v>1131008.1100000001</v>
      </c>
    </row>
    <row r="19" spans="1:14" x14ac:dyDescent="0.25">
      <c r="A19" s="2" t="s">
        <v>30</v>
      </c>
      <c r="B19" s="4" t="s">
        <v>1143</v>
      </c>
      <c r="C19" s="7">
        <v>0</v>
      </c>
      <c r="D19" s="7">
        <v>29873909.530000001</v>
      </c>
      <c r="E19" s="7">
        <v>29873909.530000001</v>
      </c>
      <c r="F19" s="7">
        <v>0</v>
      </c>
      <c r="G19" s="7">
        <v>0</v>
      </c>
      <c r="H19" s="7">
        <v>0</v>
      </c>
      <c r="I19" s="7">
        <v>0</v>
      </c>
      <c r="J19" s="7">
        <v>0</v>
      </c>
      <c r="K19" s="7">
        <v>0</v>
      </c>
      <c r="L19" s="7">
        <v>0</v>
      </c>
      <c r="M19" s="7">
        <v>0</v>
      </c>
      <c r="N19" s="7">
        <v>0</v>
      </c>
    </row>
    <row r="20" spans="1:14" x14ac:dyDescent="0.25">
      <c r="A20" s="2" t="s">
        <v>32</v>
      </c>
      <c r="B20" s="4" t="s">
        <v>1144</v>
      </c>
      <c r="C20" s="7">
        <v>0</v>
      </c>
      <c r="D20" s="7">
        <v>1613825.28</v>
      </c>
      <c r="E20" s="7">
        <v>1613825.28</v>
      </c>
      <c r="F20" s="7">
        <v>0</v>
      </c>
      <c r="G20" s="7">
        <v>0</v>
      </c>
      <c r="H20" s="7">
        <v>0</v>
      </c>
      <c r="I20" s="7">
        <v>20106935.5</v>
      </c>
      <c r="J20" s="7">
        <v>11377113.5</v>
      </c>
      <c r="K20" s="7">
        <v>11376458</v>
      </c>
      <c r="L20" s="7">
        <v>7599469.3899999997</v>
      </c>
      <c r="M20" s="7">
        <v>1131008.1100000001</v>
      </c>
      <c r="N20" s="7">
        <v>1131008.1100000001</v>
      </c>
    </row>
    <row r="21" spans="1:14" x14ac:dyDescent="0.25">
      <c r="A21" s="3" t="s">
        <v>34</v>
      </c>
      <c r="B21" s="5" t="s">
        <v>1145</v>
      </c>
      <c r="C21" s="6">
        <v>826263.92</v>
      </c>
      <c r="D21" s="6">
        <v>68113.03</v>
      </c>
      <c r="E21" s="6">
        <v>894376.95</v>
      </c>
      <c r="F21" s="6">
        <v>0</v>
      </c>
      <c r="G21" s="6">
        <v>0</v>
      </c>
      <c r="H21" s="6">
        <v>0</v>
      </c>
      <c r="I21" s="6">
        <v>25096110.82</v>
      </c>
      <c r="J21" s="6">
        <v>23031178.359999999</v>
      </c>
      <c r="K21" s="6">
        <v>19718626.41</v>
      </c>
      <c r="L21" s="6">
        <v>2064932.46</v>
      </c>
      <c r="M21" s="6">
        <v>3312551.95</v>
      </c>
      <c r="N21" s="6">
        <v>3312551.95</v>
      </c>
    </row>
    <row r="22" spans="1:14" x14ac:dyDescent="0.25">
      <c r="A22" s="2" t="s">
        <v>36</v>
      </c>
      <c r="B22" s="4" t="s">
        <v>1146</v>
      </c>
      <c r="C22" s="7">
        <v>826263.92</v>
      </c>
      <c r="D22" s="7">
        <v>68113.03</v>
      </c>
      <c r="E22" s="7">
        <v>894376.95</v>
      </c>
      <c r="F22" s="7">
        <v>0</v>
      </c>
      <c r="G22" s="7">
        <v>0</v>
      </c>
      <c r="H22" s="7">
        <v>0</v>
      </c>
      <c r="I22" s="7">
        <v>18097062.329999998</v>
      </c>
      <c r="J22" s="7">
        <v>16617403.52</v>
      </c>
      <c r="K22" s="7">
        <v>13304851.57</v>
      </c>
      <c r="L22" s="7">
        <v>1479658.81</v>
      </c>
      <c r="M22" s="7">
        <v>3312551.95</v>
      </c>
      <c r="N22" s="7">
        <v>3312551.95</v>
      </c>
    </row>
    <row r="23" spans="1:14" x14ac:dyDescent="0.25">
      <c r="A23" s="2" t="s">
        <v>38</v>
      </c>
      <c r="B23" s="4" t="s">
        <v>1147</v>
      </c>
      <c r="C23" s="7">
        <v>0</v>
      </c>
      <c r="D23" s="7">
        <v>0</v>
      </c>
      <c r="E23" s="7">
        <v>0</v>
      </c>
      <c r="F23" s="7">
        <v>0</v>
      </c>
      <c r="G23" s="7">
        <v>0</v>
      </c>
      <c r="H23" s="7">
        <v>0</v>
      </c>
      <c r="I23" s="7">
        <v>6999048.4900000002</v>
      </c>
      <c r="J23" s="7">
        <v>6413774.8399999999</v>
      </c>
      <c r="K23" s="7">
        <v>6413774.8399999999</v>
      </c>
      <c r="L23" s="7">
        <v>585273.65</v>
      </c>
      <c r="M23" s="7">
        <v>0</v>
      </c>
      <c r="N23" s="7">
        <v>0</v>
      </c>
    </row>
    <row r="24" spans="1:14" x14ac:dyDescent="0.25">
      <c r="A24" s="2" t="s">
        <v>40</v>
      </c>
      <c r="B24" s="4" t="s">
        <v>1148</v>
      </c>
      <c r="C24" s="7">
        <v>0</v>
      </c>
      <c r="D24" s="7">
        <v>0</v>
      </c>
      <c r="E24" s="7">
        <v>0</v>
      </c>
      <c r="F24" s="7">
        <v>0</v>
      </c>
      <c r="G24" s="7">
        <v>0</v>
      </c>
      <c r="H24" s="7">
        <v>0</v>
      </c>
      <c r="I24" s="7">
        <v>0</v>
      </c>
      <c r="J24" s="7">
        <v>0</v>
      </c>
      <c r="K24" s="7">
        <v>0</v>
      </c>
      <c r="L24" s="7">
        <v>0</v>
      </c>
      <c r="M24" s="7">
        <v>0</v>
      </c>
      <c r="N24" s="7">
        <v>0</v>
      </c>
    </row>
    <row r="25" spans="1:14" x14ac:dyDescent="0.25">
      <c r="A25" s="2" t="s">
        <v>42</v>
      </c>
      <c r="B25" s="4" t="s">
        <v>1149</v>
      </c>
      <c r="C25" s="7">
        <v>0</v>
      </c>
      <c r="D25" s="7">
        <v>416351.55</v>
      </c>
      <c r="E25" s="7">
        <v>416351.55</v>
      </c>
      <c r="F25" s="7">
        <v>0</v>
      </c>
      <c r="G25" s="7">
        <v>0</v>
      </c>
      <c r="H25" s="7">
        <v>0</v>
      </c>
      <c r="I25" s="7">
        <v>1370218.9</v>
      </c>
      <c r="J25" s="7">
        <v>976953.28</v>
      </c>
      <c r="K25" s="7">
        <v>976953.28</v>
      </c>
      <c r="L25" s="7">
        <v>393265.62</v>
      </c>
      <c r="M25" s="7">
        <v>0</v>
      </c>
      <c r="N25" s="7">
        <v>0</v>
      </c>
    </row>
    <row r="26" spans="1:14" x14ac:dyDescent="0.25">
      <c r="A26" s="3" t="s">
        <v>44</v>
      </c>
      <c r="B26" s="5" t="s">
        <v>1150</v>
      </c>
      <c r="C26" s="6">
        <v>12232076.869999999</v>
      </c>
      <c r="D26" s="6">
        <v>149734610.19999999</v>
      </c>
      <c r="E26" s="6">
        <v>153803652.37</v>
      </c>
      <c r="F26" s="6">
        <v>759593.06</v>
      </c>
      <c r="G26" s="6">
        <v>7403441.6399999997</v>
      </c>
      <c r="H26" s="6">
        <v>0</v>
      </c>
      <c r="I26" s="6">
        <v>4220</v>
      </c>
      <c r="J26" s="6">
        <v>1266</v>
      </c>
      <c r="K26" s="6">
        <v>1266</v>
      </c>
      <c r="L26" s="6">
        <v>2954</v>
      </c>
      <c r="M26" s="6">
        <v>0</v>
      </c>
      <c r="N26" s="6">
        <v>7403441.6399999997</v>
      </c>
    </row>
    <row r="27" spans="1:14" x14ac:dyDescent="0.25">
      <c r="A27" s="2" t="s">
        <v>46</v>
      </c>
      <c r="B27" s="4" t="s">
        <v>1151</v>
      </c>
      <c r="C27" s="7">
        <v>8660001.3000000007</v>
      </c>
      <c r="D27" s="7">
        <v>132080339.28</v>
      </c>
      <c r="E27" s="7">
        <v>132577361.06</v>
      </c>
      <c r="F27" s="7">
        <v>759592.7</v>
      </c>
      <c r="G27" s="7">
        <v>7403386.8200000003</v>
      </c>
      <c r="H27" s="7">
        <v>0</v>
      </c>
      <c r="I27" s="7">
        <v>4220</v>
      </c>
      <c r="J27" s="7">
        <v>1266</v>
      </c>
      <c r="K27" s="7">
        <v>1266</v>
      </c>
      <c r="L27" s="7">
        <v>2954</v>
      </c>
      <c r="M27" s="7">
        <v>0</v>
      </c>
      <c r="N27" s="7">
        <v>7403386.8200000003</v>
      </c>
    </row>
    <row r="28" spans="1:14" x14ac:dyDescent="0.25">
      <c r="A28" s="3" t="s">
        <v>48</v>
      </c>
      <c r="B28" s="5" t="s">
        <v>1152</v>
      </c>
      <c r="C28" s="6">
        <v>3572075.57</v>
      </c>
      <c r="D28" s="6">
        <v>213048.16</v>
      </c>
      <c r="E28" s="6">
        <v>3785123.73</v>
      </c>
      <c r="F28" s="6">
        <v>0</v>
      </c>
      <c r="G28" s="6">
        <v>0</v>
      </c>
      <c r="H28" s="6">
        <v>0</v>
      </c>
      <c r="I28" s="6">
        <v>0</v>
      </c>
      <c r="J28" s="6">
        <v>0</v>
      </c>
      <c r="K28" s="6">
        <v>0</v>
      </c>
      <c r="L28" s="6">
        <v>0</v>
      </c>
      <c r="M28" s="6">
        <v>0</v>
      </c>
      <c r="N28" s="6">
        <v>0</v>
      </c>
    </row>
    <row r="29" spans="1:14" x14ac:dyDescent="0.25">
      <c r="A29" s="2" t="s">
        <v>50</v>
      </c>
      <c r="B29" s="4" t="s">
        <v>1139</v>
      </c>
      <c r="C29" s="7">
        <v>3572075.57</v>
      </c>
      <c r="D29" s="7">
        <v>0</v>
      </c>
      <c r="E29" s="7">
        <v>3572075.57</v>
      </c>
      <c r="F29" s="7">
        <v>0</v>
      </c>
      <c r="G29" s="7">
        <v>0</v>
      </c>
      <c r="H29" s="7">
        <v>0</v>
      </c>
      <c r="I29" s="7">
        <v>0</v>
      </c>
      <c r="J29" s="7">
        <v>0</v>
      </c>
      <c r="K29" s="7">
        <v>0</v>
      </c>
      <c r="L29" s="7">
        <v>0</v>
      </c>
      <c r="M29" s="7">
        <v>0</v>
      </c>
      <c r="N29" s="7">
        <v>0</v>
      </c>
    </row>
    <row r="30" spans="1:14" x14ac:dyDescent="0.25">
      <c r="A30" s="2" t="s">
        <v>52</v>
      </c>
      <c r="B30" s="4" t="s">
        <v>1140</v>
      </c>
      <c r="C30" s="7">
        <v>0</v>
      </c>
      <c r="D30" s="7">
        <v>213048.16</v>
      </c>
      <c r="E30" s="7">
        <v>213048.16</v>
      </c>
      <c r="F30" s="7">
        <v>0</v>
      </c>
      <c r="G30" s="7">
        <v>0</v>
      </c>
      <c r="H30" s="7">
        <v>0</v>
      </c>
      <c r="I30" s="7">
        <v>0</v>
      </c>
      <c r="J30" s="7">
        <v>0</v>
      </c>
      <c r="K30" s="7">
        <v>0</v>
      </c>
      <c r="L30" s="7">
        <v>0</v>
      </c>
      <c r="M30" s="7">
        <v>0</v>
      </c>
      <c r="N30" s="7">
        <v>0</v>
      </c>
    </row>
    <row r="31" spans="1:14" x14ac:dyDescent="0.25">
      <c r="A31" s="2" t="s">
        <v>54</v>
      </c>
      <c r="B31" s="4" t="s">
        <v>1141</v>
      </c>
      <c r="C31" s="7">
        <v>0</v>
      </c>
      <c r="D31" s="7">
        <v>0</v>
      </c>
      <c r="E31" s="7">
        <v>0</v>
      </c>
      <c r="F31" s="7">
        <v>0</v>
      </c>
      <c r="G31" s="7">
        <v>0</v>
      </c>
      <c r="H31" s="7">
        <v>0</v>
      </c>
      <c r="I31" s="7">
        <v>0</v>
      </c>
      <c r="J31" s="7">
        <v>0</v>
      </c>
      <c r="K31" s="7">
        <v>0</v>
      </c>
      <c r="L31" s="7">
        <v>0</v>
      </c>
      <c r="M31" s="7">
        <v>0</v>
      </c>
      <c r="N31" s="7">
        <v>0</v>
      </c>
    </row>
    <row r="32" spans="1:14" x14ac:dyDescent="0.25">
      <c r="A32" s="3" t="s">
        <v>56</v>
      </c>
      <c r="B32" s="5" t="s">
        <v>1153</v>
      </c>
      <c r="C32" s="6">
        <v>0</v>
      </c>
      <c r="D32" s="6">
        <v>15175342.26</v>
      </c>
      <c r="E32" s="6">
        <v>15175287.08</v>
      </c>
      <c r="F32" s="6">
        <v>0.36</v>
      </c>
      <c r="G32" s="6">
        <v>54.82</v>
      </c>
      <c r="H32" s="6">
        <v>0</v>
      </c>
      <c r="I32" s="6">
        <v>0</v>
      </c>
      <c r="J32" s="6">
        <v>0</v>
      </c>
      <c r="K32" s="6">
        <v>0</v>
      </c>
      <c r="L32" s="6">
        <v>0</v>
      </c>
      <c r="M32" s="6">
        <v>0</v>
      </c>
      <c r="N32" s="6">
        <v>54.82</v>
      </c>
    </row>
    <row r="33" spans="1:14" x14ac:dyDescent="0.25">
      <c r="A33" s="2" t="s">
        <v>58</v>
      </c>
      <c r="B33" s="4" t="s">
        <v>1143</v>
      </c>
      <c r="C33" s="7">
        <v>0</v>
      </c>
      <c r="D33" s="7">
        <v>15175342.26</v>
      </c>
      <c r="E33" s="7">
        <v>15175287.08</v>
      </c>
      <c r="F33" s="7">
        <v>0.36</v>
      </c>
      <c r="G33" s="7">
        <v>54.82</v>
      </c>
      <c r="H33" s="7">
        <v>0</v>
      </c>
      <c r="I33" s="7">
        <v>0</v>
      </c>
      <c r="J33" s="7">
        <v>0</v>
      </c>
      <c r="K33" s="7">
        <v>0</v>
      </c>
      <c r="L33" s="7">
        <v>0</v>
      </c>
      <c r="M33" s="7">
        <v>0</v>
      </c>
      <c r="N33" s="7">
        <v>54.82</v>
      </c>
    </row>
    <row r="34" spans="1:14" x14ac:dyDescent="0.25">
      <c r="A34" s="2" t="s">
        <v>60</v>
      </c>
      <c r="B34" s="4" t="s">
        <v>1144</v>
      </c>
      <c r="C34" s="7">
        <v>0</v>
      </c>
      <c r="D34" s="7">
        <v>0</v>
      </c>
      <c r="E34" s="7">
        <v>0</v>
      </c>
      <c r="F34" s="7">
        <v>0</v>
      </c>
      <c r="G34" s="7">
        <v>0</v>
      </c>
      <c r="H34" s="7">
        <v>0</v>
      </c>
      <c r="I34" s="7">
        <v>0</v>
      </c>
      <c r="J34" s="7">
        <v>0</v>
      </c>
      <c r="K34" s="7">
        <v>0</v>
      </c>
      <c r="L34" s="7">
        <v>0</v>
      </c>
      <c r="M34" s="7">
        <v>0</v>
      </c>
      <c r="N34" s="7">
        <v>0</v>
      </c>
    </row>
    <row r="35" spans="1:14" x14ac:dyDescent="0.25">
      <c r="A35" s="3" t="s">
        <v>62</v>
      </c>
      <c r="B35" s="5" t="s">
        <v>1145</v>
      </c>
      <c r="C35" s="6">
        <v>0</v>
      </c>
      <c r="D35" s="6">
        <v>0</v>
      </c>
      <c r="E35" s="6">
        <v>0</v>
      </c>
      <c r="F35" s="6">
        <v>0</v>
      </c>
      <c r="G35" s="6">
        <v>0</v>
      </c>
      <c r="H35" s="6">
        <v>0</v>
      </c>
      <c r="I35" s="6">
        <v>0</v>
      </c>
      <c r="J35" s="6">
        <v>0</v>
      </c>
      <c r="K35" s="6">
        <v>0</v>
      </c>
      <c r="L35" s="6">
        <v>0</v>
      </c>
      <c r="M35" s="6">
        <v>0</v>
      </c>
      <c r="N35" s="6">
        <v>0</v>
      </c>
    </row>
    <row r="36" spans="1:14" x14ac:dyDescent="0.25">
      <c r="A36" s="2" t="s">
        <v>64</v>
      </c>
      <c r="B36" s="4" t="s">
        <v>1146</v>
      </c>
      <c r="C36" s="7">
        <v>0</v>
      </c>
      <c r="D36" s="7">
        <v>0</v>
      </c>
      <c r="E36" s="7">
        <v>0</v>
      </c>
      <c r="F36" s="7">
        <v>0</v>
      </c>
      <c r="G36" s="7">
        <v>0</v>
      </c>
      <c r="H36" s="7">
        <v>0</v>
      </c>
      <c r="I36" s="7">
        <v>0</v>
      </c>
      <c r="J36" s="7">
        <v>0</v>
      </c>
      <c r="K36" s="7">
        <v>0</v>
      </c>
      <c r="L36" s="7">
        <v>0</v>
      </c>
      <c r="M36" s="7">
        <v>0</v>
      </c>
      <c r="N36" s="7">
        <v>0</v>
      </c>
    </row>
    <row r="37" spans="1:14" x14ac:dyDescent="0.25">
      <c r="A37" s="2" t="s">
        <v>66</v>
      </c>
      <c r="B37" s="4" t="s">
        <v>1147</v>
      </c>
      <c r="C37" s="7">
        <v>0</v>
      </c>
      <c r="D37" s="7">
        <v>0</v>
      </c>
      <c r="E37" s="7">
        <v>0</v>
      </c>
      <c r="F37" s="7">
        <v>0</v>
      </c>
      <c r="G37" s="7">
        <v>0</v>
      </c>
      <c r="H37" s="7">
        <v>0</v>
      </c>
      <c r="I37" s="7">
        <v>0</v>
      </c>
      <c r="J37" s="7">
        <v>0</v>
      </c>
      <c r="K37" s="7">
        <v>0</v>
      </c>
      <c r="L37" s="7">
        <v>0</v>
      </c>
      <c r="M37" s="7">
        <v>0</v>
      </c>
      <c r="N37" s="7">
        <v>0</v>
      </c>
    </row>
    <row r="38" spans="1:14" x14ac:dyDescent="0.25">
      <c r="A38" s="2" t="s">
        <v>68</v>
      </c>
      <c r="B38" s="4" t="s">
        <v>1148</v>
      </c>
      <c r="C38" s="7">
        <v>0</v>
      </c>
      <c r="D38" s="7">
        <v>0</v>
      </c>
      <c r="E38" s="7">
        <v>0</v>
      </c>
      <c r="F38" s="7">
        <v>0</v>
      </c>
      <c r="G38" s="7">
        <v>0</v>
      </c>
      <c r="H38" s="7">
        <v>0</v>
      </c>
      <c r="I38" s="7">
        <v>0</v>
      </c>
      <c r="J38" s="7">
        <v>0</v>
      </c>
      <c r="K38" s="7">
        <v>0</v>
      </c>
      <c r="L38" s="7">
        <v>0</v>
      </c>
      <c r="M38" s="7">
        <v>0</v>
      </c>
      <c r="N38" s="7">
        <v>0</v>
      </c>
    </row>
    <row r="39" spans="1:14" x14ac:dyDescent="0.25">
      <c r="A39" s="2" t="s">
        <v>70</v>
      </c>
      <c r="B39" s="4" t="s">
        <v>1149</v>
      </c>
      <c r="C39" s="7">
        <v>0</v>
      </c>
      <c r="D39" s="7">
        <v>2265880.5</v>
      </c>
      <c r="E39" s="7">
        <v>2265880.5</v>
      </c>
      <c r="F39" s="7">
        <v>0</v>
      </c>
      <c r="G39" s="7">
        <v>0</v>
      </c>
      <c r="H39" s="7">
        <v>0</v>
      </c>
      <c r="I39" s="7">
        <v>0</v>
      </c>
      <c r="J39" s="7">
        <v>0</v>
      </c>
      <c r="K39" s="7">
        <v>0</v>
      </c>
      <c r="L39" s="7">
        <v>0</v>
      </c>
      <c r="M39" s="7">
        <v>0</v>
      </c>
      <c r="N39" s="7">
        <v>0</v>
      </c>
    </row>
    <row r="40" spans="1:14" x14ac:dyDescent="0.25">
      <c r="A40" s="3" t="s">
        <v>72</v>
      </c>
      <c r="B40" s="5" t="s">
        <v>1154</v>
      </c>
      <c r="C40" s="6">
        <v>108136114.54000001</v>
      </c>
      <c r="D40" s="6">
        <v>432682413.23000002</v>
      </c>
      <c r="E40" s="6">
        <v>430192586.12</v>
      </c>
      <c r="F40" s="6">
        <v>30021194.870000001</v>
      </c>
      <c r="G40" s="6">
        <v>80604746.780000001</v>
      </c>
      <c r="H40" s="6">
        <v>65451832.469999999</v>
      </c>
      <c r="I40" s="6">
        <v>343114481.60000002</v>
      </c>
      <c r="J40" s="6">
        <v>242549615.22999999</v>
      </c>
      <c r="K40" s="6">
        <v>239049403</v>
      </c>
      <c r="L40" s="6">
        <v>101297560.8</v>
      </c>
      <c r="M40" s="6">
        <v>68219350.269999996</v>
      </c>
      <c r="N40" s="6">
        <v>148824097.05000001</v>
      </c>
    </row>
  </sheetData>
  <mergeCells count="11">
    <mergeCell ref="A3:N3"/>
    <mergeCell ref="A4:N4"/>
    <mergeCell ref="A5:N5"/>
    <mergeCell ref="A6:N6"/>
    <mergeCell ref="A7:N7"/>
    <mergeCell ref="A9:N9"/>
    <mergeCell ref="A10:A11"/>
    <mergeCell ref="B10:B11"/>
    <mergeCell ref="C10:G10"/>
    <mergeCell ref="H10:M10"/>
    <mergeCell ref="N10:N11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61"/>
  <sheetViews>
    <sheetView showGridLines="0" workbookViewId="0"/>
  </sheetViews>
  <sheetFormatPr defaultRowHeight="15" x14ac:dyDescent="0.25"/>
  <cols>
    <col min="1" max="1" width="3.28515625" bestFit="1" customWidth="1"/>
    <col min="2" max="2" width="91.85546875" customWidth="1"/>
    <col min="3" max="5" width="20.42578125" bestFit="1" customWidth="1"/>
    <col min="6" max="6" width="16" bestFit="1" customWidth="1"/>
    <col min="7" max="7" width="19.140625" bestFit="1" customWidth="1"/>
    <col min="8" max="8" width="16.140625" bestFit="1" customWidth="1"/>
    <col min="9" max="9" width="16" bestFit="1" customWidth="1"/>
  </cols>
  <sheetData>
    <row r="3" spans="1:9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</row>
    <row r="4" spans="1:9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</row>
    <row r="5" spans="1:9" x14ac:dyDescent="0.25">
      <c r="A5" s="12" t="s">
        <v>1155</v>
      </c>
      <c r="B5" s="10"/>
      <c r="C5" s="10"/>
      <c r="D5" s="10"/>
      <c r="E5" s="10"/>
      <c r="F5" s="10"/>
      <c r="G5" s="10"/>
      <c r="H5" s="10"/>
      <c r="I5" s="10"/>
    </row>
    <row r="6" spans="1:9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</row>
    <row r="7" spans="1:9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</row>
    <row r="9" spans="1:9" x14ac:dyDescent="0.25">
      <c r="A9" s="9" t="s">
        <v>5</v>
      </c>
      <c r="B9" s="10"/>
      <c r="C9" s="10"/>
      <c r="D9" s="10"/>
      <c r="E9" s="10"/>
      <c r="F9" s="10"/>
      <c r="G9" s="10"/>
      <c r="H9" s="10"/>
      <c r="I9" s="10"/>
    </row>
    <row r="10" spans="1:9" x14ac:dyDescent="0.25">
      <c r="A10" s="8" t="s">
        <v>6</v>
      </c>
      <c r="B10" s="8" t="s">
        <v>1156</v>
      </c>
      <c r="C10" s="8" t="s">
        <v>8</v>
      </c>
      <c r="D10" s="8" t="s">
        <v>9</v>
      </c>
      <c r="E10" s="8" t="s">
        <v>10</v>
      </c>
      <c r="F10" s="8" t="s">
        <v>10</v>
      </c>
    </row>
    <row r="11" spans="1:9" ht="21" x14ac:dyDescent="0.25">
      <c r="A11" s="8" t="s">
        <v>5</v>
      </c>
      <c r="B11" s="8" t="s">
        <v>5</v>
      </c>
      <c r="C11" s="8" t="s">
        <v>5</v>
      </c>
      <c r="D11" s="8" t="s">
        <v>5</v>
      </c>
      <c r="E11" s="1" t="s">
        <v>477</v>
      </c>
      <c r="F11" s="1" t="s">
        <v>1157</v>
      </c>
    </row>
    <row r="12" spans="1:9" x14ac:dyDescent="0.25">
      <c r="A12" s="3" t="s">
        <v>16</v>
      </c>
      <c r="B12" s="5" t="s">
        <v>1158</v>
      </c>
      <c r="C12" s="6">
        <v>11668502000</v>
      </c>
      <c r="D12" s="6">
        <v>11668502000</v>
      </c>
      <c r="E12" s="6">
        <v>12463629769.370001</v>
      </c>
      <c r="F12" s="6">
        <v>106.81</v>
      </c>
    </row>
    <row r="13" spans="1:9" x14ac:dyDescent="0.25">
      <c r="A13" s="3" t="s">
        <v>18</v>
      </c>
      <c r="B13" s="5" t="s">
        <v>1159</v>
      </c>
      <c r="C13" s="6">
        <v>9799471900</v>
      </c>
      <c r="D13" s="6">
        <v>9799471900</v>
      </c>
      <c r="E13" s="6">
        <v>10161119076.27</v>
      </c>
      <c r="F13" s="6">
        <v>103.69</v>
      </c>
    </row>
    <row r="14" spans="1:9" x14ac:dyDescent="0.25">
      <c r="A14" s="2" t="s">
        <v>20</v>
      </c>
      <c r="B14" s="4" t="s">
        <v>1160</v>
      </c>
      <c r="C14" s="7">
        <v>9616410000</v>
      </c>
      <c r="D14" s="7">
        <v>9616410000</v>
      </c>
      <c r="E14" s="7">
        <v>9908635335.2700005</v>
      </c>
      <c r="F14" s="7">
        <v>103.04</v>
      </c>
    </row>
    <row r="15" spans="1:9" x14ac:dyDescent="0.25">
      <c r="A15" s="2" t="s">
        <v>22</v>
      </c>
      <c r="B15" s="4" t="s">
        <v>1161</v>
      </c>
      <c r="C15" s="7">
        <v>99100800</v>
      </c>
      <c r="D15" s="7">
        <v>99100800</v>
      </c>
      <c r="E15" s="7">
        <v>155228289.88</v>
      </c>
      <c r="F15" s="7">
        <v>156.63999999999999</v>
      </c>
    </row>
    <row r="16" spans="1:9" x14ac:dyDescent="0.25">
      <c r="A16" s="2" t="s">
        <v>24</v>
      </c>
      <c r="B16" s="4" t="s">
        <v>1162</v>
      </c>
      <c r="C16" s="7">
        <v>83961100</v>
      </c>
      <c r="D16" s="7">
        <v>83961100</v>
      </c>
      <c r="E16" s="7">
        <v>97255451.120000005</v>
      </c>
      <c r="F16" s="7">
        <v>115.83</v>
      </c>
    </row>
    <row r="17" spans="1:6" x14ac:dyDescent="0.25">
      <c r="A17" s="3" t="s">
        <v>26</v>
      </c>
      <c r="B17" s="5" t="s">
        <v>1163</v>
      </c>
      <c r="C17" s="6">
        <v>182447900</v>
      </c>
      <c r="D17" s="6">
        <v>182447900</v>
      </c>
      <c r="E17" s="6">
        <v>258146075.5</v>
      </c>
      <c r="F17" s="6">
        <v>141.49</v>
      </c>
    </row>
    <row r="18" spans="1:6" x14ac:dyDescent="0.25">
      <c r="A18" s="2" t="s">
        <v>28</v>
      </c>
      <c r="B18" s="4" t="s">
        <v>1164</v>
      </c>
      <c r="C18" s="7">
        <v>182447900</v>
      </c>
      <c r="D18" s="7">
        <v>182447900</v>
      </c>
      <c r="E18" s="7">
        <v>234382439.66999999</v>
      </c>
      <c r="F18" s="7">
        <v>128.47</v>
      </c>
    </row>
    <row r="19" spans="1:6" x14ac:dyDescent="0.25">
      <c r="A19" s="2" t="s">
        <v>30</v>
      </c>
      <c r="B19" s="4" t="s">
        <v>1165</v>
      </c>
      <c r="C19" s="7">
        <v>0</v>
      </c>
      <c r="D19" s="7">
        <v>0</v>
      </c>
      <c r="E19" s="7">
        <v>23763635.829999998</v>
      </c>
      <c r="F19" s="7">
        <v>0</v>
      </c>
    </row>
    <row r="20" spans="1:6" x14ac:dyDescent="0.25">
      <c r="A20" s="3" t="s">
        <v>32</v>
      </c>
      <c r="B20" s="5" t="s">
        <v>1166</v>
      </c>
      <c r="C20" s="6">
        <v>729934800</v>
      </c>
      <c r="D20" s="6">
        <v>729934800</v>
      </c>
      <c r="E20" s="6">
        <v>800742959.89999998</v>
      </c>
      <c r="F20" s="6">
        <v>109.7</v>
      </c>
    </row>
    <row r="21" spans="1:6" x14ac:dyDescent="0.25">
      <c r="A21" s="2" t="s">
        <v>34</v>
      </c>
      <c r="B21" s="4" t="s">
        <v>1167</v>
      </c>
      <c r="C21" s="7">
        <v>682669700</v>
      </c>
      <c r="D21" s="7">
        <v>682669700</v>
      </c>
      <c r="E21" s="7">
        <v>729052233.98000002</v>
      </c>
      <c r="F21" s="7">
        <v>106.79</v>
      </c>
    </row>
    <row r="22" spans="1:6" x14ac:dyDescent="0.25">
      <c r="A22" s="2" t="s">
        <v>36</v>
      </c>
      <c r="B22" s="4" t="s">
        <v>1168</v>
      </c>
      <c r="C22" s="7">
        <v>47265100</v>
      </c>
      <c r="D22" s="7">
        <v>47265100</v>
      </c>
      <c r="E22" s="7">
        <v>71690725.920000002</v>
      </c>
      <c r="F22" s="7">
        <v>151.68</v>
      </c>
    </row>
    <row r="23" spans="1:6" x14ac:dyDescent="0.25">
      <c r="A23" s="2" t="s">
        <v>38</v>
      </c>
      <c r="B23" s="4" t="s">
        <v>1169</v>
      </c>
      <c r="C23" s="7">
        <v>956647400</v>
      </c>
      <c r="D23" s="7">
        <v>956647400</v>
      </c>
      <c r="E23" s="7">
        <v>1243621657.7</v>
      </c>
      <c r="F23" s="7">
        <v>130</v>
      </c>
    </row>
    <row r="24" spans="1:6" x14ac:dyDescent="0.25">
      <c r="A24" s="3" t="s">
        <v>40</v>
      </c>
      <c r="B24" s="5" t="s">
        <v>1170</v>
      </c>
      <c r="C24" s="6">
        <v>1352553300</v>
      </c>
      <c r="D24" s="6">
        <v>1352553300</v>
      </c>
      <c r="E24" s="6">
        <v>1354699382.9300001</v>
      </c>
      <c r="F24" s="6">
        <v>196.11</v>
      </c>
    </row>
    <row r="25" spans="1:6" x14ac:dyDescent="0.25">
      <c r="A25" s="2" t="s">
        <v>42</v>
      </c>
      <c r="B25" s="4" t="s">
        <v>1171</v>
      </c>
      <c r="C25" s="7">
        <v>1227705300</v>
      </c>
      <c r="D25" s="7">
        <v>1227705300</v>
      </c>
      <c r="E25" s="7">
        <v>1254691362.71</v>
      </c>
      <c r="F25" s="7">
        <v>102.2</v>
      </c>
    </row>
    <row r="26" spans="1:6" x14ac:dyDescent="0.25">
      <c r="A26" s="2" t="s">
        <v>44</v>
      </c>
      <c r="B26" s="4" t="s">
        <v>1172</v>
      </c>
      <c r="C26" s="7">
        <v>18350000</v>
      </c>
      <c r="D26" s="7">
        <v>18350000</v>
      </c>
      <c r="E26" s="7">
        <v>0</v>
      </c>
      <c r="F26" s="7">
        <v>0</v>
      </c>
    </row>
    <row r="27" spans="1:6" x14ac:dyDescent="0.25">
      <c r="A27" s="2" t="s">
        <v>46</v>
      </c>
      <c r="B27" s="4" t="s">
        <v>1173</v>
      </c>
      <c r="C27" s="7">
        <v>106498000</v>
      </c>
      <c r="D27" s="7">
        <v>106498000</v>
      </c>
      <c r="E27" s="7">
        <v>100008020.22</v>
      </c>
      <c r="F27" s="7">
        <v>93.91</v>
      </c>
    </row>
    <row r="28" spans="1:6" x14ac:dyDescent="0.25">
      <c r="A28" s="2" t="s">
        <v>48</v>
      </c>
      <c r="B28" s="4" t="s">
        <v>1174</v>
      </c>
      <c r="C28" s="7">
        <v>0</v>
      </c>
      <c r="D28" s="7">
        <v>0</v>
      </c>
      <c r="E28" s="7">
        <v>0</v>
      </c>
      <c r="F28" s="7">
        <v>0</v>
      </c>
    </row>
    <row r="29" spans="1:6" x14ac:dyDescent="0.25">
      <c r="A29" s="3" t="s">
        <v>50</v>
      </c>
      <c r="B29" s="5" t="s">
        <v>1175</v>
      </c>
      <c r="C29" s="6">
        <v>2820469600</v>
      </c>
      <c r="D29" s="6">
        <v>2820469600</v>
      </c>
      <c r="E29" s="6">
        <v>2941339392.3699999</v>
      </c>
      <c r="F29" s="6">
        <v>307.2</v>
      </c>
    </row>
    <row r="30" spans="1:6" x14ac:dyDescent="0.25">
      <c r="A30" s="2" t="s">
        <v>52</v>
      </c>
      <c r="B30" s="4" t="s">
        <v>1176</v>
      </c>
      <c r="C30" s="7">
        <v>2428877700</v>
      </c>
      <c r="D30" s="7">
        <v>2428877700</v>
      </c>
      <c r="E30" s="7">
        <v>2515965906.5100002</v>
      </c>
      <c r="F30" s="7">
        <v>103.59</v>
      </c>
    </row>
    <row r="31" spans="1:6" x14ac:dyDescent="0.25">
      <c r="A31" s="2" t="s">
        <v>54</v>
      </c>
      <c r="B31" s="4" t="s">
        <v>1177</v>
      </c>
      <c r="C31" s="7">
        <v>364967400</v>
      </c>
      <c r="D31" s="7">
        <v>364967400</v>
      </c>
      <c r="E31" s="7">
        <v>400371480.67000002</v>
      </c>
      <c r="F31" s="7">
        <v>109.7</v>
      </c>
    </row>
    <row r="32" spans="1:6" x14ac:dyDescent="0.25">
      <c r="A32" s="2" t="s">
        <v>56</v>
      </c>
      <c r="B32" s="4" t="s">
        <v>1178</v>
      </c>
      <c r="C32" s="7">
        <v>26624500</v>
      </c>
      <c r="D32" s="7">
        <v>26624500</v>
      </c>
      <c r="E32" s="7">
        <v>25002005.190000001</v>
      </c>
      <c r="F32" s="7">
        <v>93.91</v>
      </c>
    </row>
    <row r="33" spans="1:6" x14ac:dyDescent="0.25">
      <c r="A33" s="3" t="s">
        <v>58</v>
      </c>
      <c r="B33" s="5" t="s">
        <v>1179</v>
      </c>
      <c r="C33" s="6">
        <v>10200585700</v>
      </c>
      <c r="D33" s="6">
        <v>10200585700</v>
      </c>
      <c r="E33" s="6">
        <v>10876989759.93</v>
      </c>
      <c r="F33" s="6">
        <v>106.63</v>
      </c>
    </row>
    <row r="35" spans="1:6" x14ac:dyDescent="0.25">
      <c r="A35" s="8" t="s">
        <v>6</v>
      </c>
      <c r="B35" s="8" t="s">
        <v>1180</v>
      </c>
      <c r="C35" s="8" t="s">
        <v>8</v>
      </c>
      <c r="D35" s="8" t="s">
        <v>9</v>
      </c>
      <c r="E35" s="8" t="s">
        <v>10</v>
      </c>
      <c r="F35" s="8" t="s">
        <v>10</v>
      </c>
    </row>
    <row r="36" spans="1:6" ht="21" x14ac:dyDescent="0.25">
      <c r="A36" s="8" t="s">
        <v>5</v>
      </c>
      <c r="B36" s="8" t="s">
        <v>5</v>
      </c>
      <c r="C36" s="8" t="s">
        <v>5</v>
      </c>
      <c r="D36" s="8" t="s">
        <v>5</v>
      </c>
      <c r="E36" s="1" t="s">
        <v>477</v>
      </c>
      <c r="F36" s="1" t="s">
        <v>1157</v>
      </c>
    </row>
    <row r="37" spans="1:6" x14ac:dyDescent="0.25">
      <c r="A37" s="2" t="s">
        <v>60</v>
      </c>
      <c r="B37" s="4" t="s">
        <v>1181</v>
      </c>
      <c r="C37" s="7">
        <v>0</v>
      </c>
      <c r="D37" s="7">
        <v>0</v>
      </c>
      <c r="E37" s="7">
        <v>0</v>
      </c>
      <c r="F37" s="7">
        <v>0</v>
      </c>
    </row>
    <row r="38" spans="1:6" x14ac:dyDescent="0.25">
      <c r="A38" s="3" t="s">
        <v>62</v>
      </c>
      <c r="B38" s="5" t="s">
        <v>1182</v>
      </c>
      <c r="C38" s="6">
        <v>93543900</v>
      </c>
      <c r="D38" s="6">
        <v>93543900</v>
      </c>
      <c r="E38" s="6">
        <v>67049268.939999998</v>
      </c>
      <c r="F38" s="6">
        <v>71.680000000000007</v>
      </c>
    </row>
    <row r="39" spans="1:6" x14ac:dyDescent="0.25">
      <c r="A39" s="2" t="s">
        <v>64</v>
      </c>
      <c r="B39" s="4" t="s">
        <v>1183</v>
      </c>
      <c r="C39" s="7">
        <v>67323000</v>
      </c>
      <c r="D39" s="7">
        <v>67323000</v>
      </c>
      <c r="E39" s="7">
        <v>44212476.649999999</v>
      </c>
      <c r="F39" s="7">
        <v>65.67</v>
      </c>
    </row>
    <row r="40" spans="1:6" x14ac:dyDescent="0.25">
      <c r="A40" s="2" t="s">
        <v>66</v>
      </c>
      <c r="B40" s="4" t="s">
        <v>1184</v>
      </c>
      <c r="C40" s="7">
        <v>0</v>
      </c>
      <c r="D40" s="7">
        <v>0</v>
      </c>
      <c r="E40" s="7">
        <v>1000</v>
      </c>
      <c r="F40" s="7">
        <v>0</v>
      </c>
    </row>
    <row r="41" spans="1:6" x14ac:dyDescent="0.25">
      <c r="A41" s="2" t="s">
        <v>68</v>
      </c>
      <c r="B41" s="4" t="s">
        <v>1185</v>
      </c>
      <c r="C41" s="7">
        <v>10073000</v>
      </c>
      <c r="D41" s="7">
        <v>10073000</v>
      </c>
      <c r="E41" s="7">
        <v>22382240.66</v>
      </c>
      <c r="F41" s="7">
        <v>222.2</v>
      </c>
    </row>
    <row r="42" spans="1:6" x14ac:dyDescent="0.25">
      <c r="A42" s="2" t="s">
        <v>70</v>
      </c>
      <c r="B42" s="4" t="s">
        <v>1186</v>
      </c>
      <c r="C42" s="7">
        <v>0</v>
      </c>
      <c r="D42" s="7">
        <v>0</v>
      </c>
      <c r="E42" s="7">
        <v>0</v>
      </c>
      <c r="F42" s="7">
        <v>0</v>
      </c>
    </row>
    <row r="43" spans="1:6" x14ac:dyDescent="0.25">
      <c r="A43" s="2" t="s">
        <v>72</v>
      </c>
      <c r="B43" s="4" t="s">
        <v>1187</v>
      </c>
      <c r="C43" s="7">
        <v>12785400</v>
      </c>
      <c r="D43" s="7">
        <v>12785400</v>
      </c>
      <c r="E43" s="7">
        <v>0</v>
      </c>
      <c r="F43" s="7">
        <v>0</v>
      </c>
    </row>
    <row r="44" spans="1:6" x14ac:dyDescent="0.25">
      <c r="A44" s="2" t="s">
        <v>74</v>
      </c>
      <c r="B44" s="4" t="s">
        <v>1188</v>
      </c>
      <c r="C44" s="7">
        <v>3362500</v>
      </c>
      <c r="D44" s="7">
        <v>3362500</v>
      </c>
      <c r="E44" s="7">
        <v>453551.63</v>
      </c>
      <c r="F44" s="7">
        <v>13.49</v>
      </c>
    </row>
    <row r="45" spans="1:6" x14ac:dyDescent="0.25">
      <c r="A45" s="3" t="s">
        <v>76</v>
      </c>
      <c r="B45" s="5" t="s">
        <v>1189</v>
      </c>
      <c r="C45" s="6">
        <v>20929200</v>
      </c>
      <c r="D45" s="6">
        <v>47329200</v>
      </c>
      <c r="E45" s="6">
        <v>26121507.710000001</v>
      </c>
      <c r="F45" s="6">
        <v>55.19</v>
      </c>
    </row>
    <row r="46" spans="1:6" x14ac:dyDescent="0.25">
      <c r="A46" s="2" t="s">
        <v>78</v>
      </c>
      <c r="B46" s="4" t="s">
        <v>1190</v>
      </c>
      <c r="C46" s="7">
        <v>20929200</v>
      </c>
      <c r="D46" s="7">
        <v>47329200</v>
      </c>
      <c r="E46" s="7">
        <v>26121507.710000001</v>
      </c>
      <c r="F46" s="7">
        <v>55.19</v>
      </c>
    </row>
    <row r="47" spans="1:6" x14ac:dyDescent="0.25">
      <c r="A47" s="2" t="s">
        <v>80</v>
      </c>
      <c r="B47" s="4" t="s">
        <v>1191</v>
      </c>
      <c r="C47" s="7">
        <v>0</v>
      </c>
      <c r="D47" s="7">
        <v>0</v>
      </c>
      <c r="E47" s="7">
        <v>0</v>
      </c>
      <c r="F47" s="7">
        <v>0</v>
      </c>
    </row>
    <row r="48" spans="1:6" x14ac:dyDescent="0.25">
      <c r="A48" s="2" t="s">
        <v>82</v>
      </c>
      <c r="B48" s="4" t="s">
        <v>1192</v>
      </c>
      <c r="C48" s="7">
        <v>0</v>
      </c>
      <c r="D48" s="7">
        <v>0</v>
      </c>
      <c r="E48" s="7">
        <v>0</v>
      </c>
      <c r="F48" s="7">
        <v>0</v>
      </c>
    </row>
    <row r="49" spans="1:6" x14ac:dyDescent="0.25">
      <c r="A49" s="2" t="s">
        <v>84</v>
      </c>
      <c r="B49" s="4" t="s">
        <v>1193</v>
      </c>
      <c r="C49" s="7">
        <v>0</v>
      </c>
      <c r="D49" s="7">
        <v>0</v>
      </c>
      <c r="E49" s="7">
        <v>0</v>
      </c>
      <c r="F49" s="7">
        <v>0</v>
      </c>
    </row>
    <row r="50" spans="1:6" x14ac:dyDescent="0.25">
      <c r="A50" s="3" t="s">
        <v>86</v>
      </c>
      <c r="B50" s="5" t="s">
        <v>1194</v>
      </c>
      <c r="C50" s="6">
        <v>114473100</v>
      </c>
      <c r="D50" s="6">
        <v>140873100</v>
      </c>
      <c r="E50" s="6">
        <v>93170776.650000006</v>
      </c>
      <c r="F50" s="6">
        <v>66.14</v>
      </c>
    </row>
    <row r="52" spans="1:6" x14ac:dyDescent="0.25">
      <c r="A52" s="8" t="s">
        <v>6</v>
      </c>
      <c r="B52" s="8" t="s">
        <v>1195</v>
      </c>
      <c r="C52" s="8" t="s">
        <v>8</v>
      </c>
      <c r="D52" s="8" t="s">
        <v>9</v>
      </c>
      <c r="E52" s="8" t="s">
        <v>10</v>
      </c>
      <c r="F52" s="8" t="s">
        <v>10</v>
      </c>
    </row>
    <row r="53" spans="1:6" ht="21" x14ac:dyDescent="0.25">
      <c r="A53" s="8" t="s">
        <v>5</v>
      </c>
      <c r="B53" s="8" t="s">
        <v>5</v>
      </c>
      <c r="C53" s="8" t="s">
        <v>5</v>
      </c>
      <c r="D53" s="8" t="s">
        <v>5</v>
      </c>
      <c r="E53" s="1" t="s">
        <v>477</v>
      </c>
      <c r="F53" s="1" t="s">
        <v>1157</v>
      </c>
    </row>
    <row r="54" spans="1:6" x14ac:dyDescent="0.25">
      <c r="A54" s="3" t="s">
        <v>88</v>
      </c>
      <c r="B54" s="5" t="s">
        <v>1196</v>
      </c>
      <c r="C54" s="6">
        <v>1848787700</v>
      </c>
      <c r="D54" s="6">
        <v>1848787700</v>
      </c>
      <c r="E54" s="6">
        <v>1926673620.52</v>
      </c>
      <c r="F54" s="6">
        <v>104.21</v>
      </c>
    </row>
    <row r="55" spans="1:6" x14ac:dyDescent="0.25">
      <c r="A55" s="2" t="s">
        <v>90</v>
      </c>
      <c r="B55" s="4" t="s">
        <v>1197</v>
      </c>
      <c r="C55" s="7">
        <v>1474118800</v>
      </c>
      <c r="D55" s="7">
        <v>1474118800</v>
      </c>
      <c r="E55" s="7">
        <v>1529030634.05</v>
      </c>
      <c r="F55" s="7">
        <v>103.73</v>
      </c>
    </row>
    <row r="56" spans="1:6" x14ac:dyDescent="0.25">
      <c r="A56" s="2" t="s">
        <v>92</v>
      </c>
      <c r="B56" s="4" t="s">
        <v>1198</v>
      </c>
      <c r="C56" s="7">
        <v>36489600</v>
      </c>
      <c r="D56" s="7">
        <v>36489600</v>
      </c>
      <c r="E56" s="7">
        <v>51629215.189999998</v>
      </c>
      <c r="F56" s="7">
        <v>141.49</v>
      </c>
    </row>
    <row r="57" spans="1:6" x14ac:dyDescent="0.25">
      <c r="A57" s="2" t="s">
        <v>94</v>
      </c>
      <c r="B57" s="4" t="s">
        <v>1199</v>
      </c>
      <c r="C57" s="7">
        <v>72993500</v>
      </c>
      <c r="D57" s="7">
        <v>72993500</v>
      </c>
      <c r="E57" s="7">
        <v>80074296.129999995</v>
      </c>
      <c r="F57" s="7">
        <v>109.7</v>
      </c>
    </row>
    <row r="58" spans="1:6" x14ac:dyDescent="0.25">
      <c r="A58" s="2" t="s">
        <v>96</v>
      </c>
      <c r="B58" s="4" t="s">
        <v>1200</v>
      </c>
      <c r="C58" s="7">
        <v>245541100</v>
      </c>
      <c r="D58" s="7">
        <v>245541100</v>
      </c>
      <c r="E58" s="7">
        <v>250938272.28</v>
      </c>
      <c r="F58" s="7">
        <v>102.2</v>
      </c>
    </row>
    <row r="59" spans="1:6" x14ac:dyDescent="0.25">
      <c r="A59" s="2" t="s">
        <v>98</v>
      </c>
      <c r="B59" s="4" t="s">
        <v>1201</v>
      </c>
      <c r="C59" s="7">
        <v>3670000</v>
      </c>
      <c r="D59" s="7">
        <v>3670000</v>
      </c>
      <c r="E59" s="7">
        <v>0</v>
      </c>
      <c r="F59" s="7">
        <v>0</v>
      </c>
    </row>
    <row r="60" spans="1:6" x14ac:dyDescent="0.25">
      <c r="A60" s="2" t="s">
        <v>100</v>
      </c>
      <c r="B60" s="4" t="s">
        <v>1202</v>
      </c>
      <c r="C60" s="7">
        <v>15974700</v>
      </c>
      <c r="D60" s="7">
        <v>15974700</v>
      </c>
      <c r="E60" s="7">
        <v>15001202.869999999</v>
      </c>
      <c r="F60" s="7">
        <v>93.91</v>
      </c>
    </row>
    <row r="61" spans="1:6" x14ac:dyDescent="0.25">
      <c r="A61" s="3" t="s">
        <v>102</v>
      </c>
      <c r="B61" s="5" t="s">
        <v>1203</v>
      </c>
      <c r="C61" s="6">
        <v>1162234200</v>
      </c>
      <c r="D61" s="6">
        <v>1162234200</v>
      </c>
      <c r="E61" s="6">
        <v>1136644436.8399999</v>
      </c>
      <c r="F61" s="6">
        <v>97.8</v>
      </c>
    </row>
    <row r="62" spans="1:6" x14ac:dyDescent="0.25">
      <c r="A62" s="2" t="s">
        <v>104</v>
      </c>
      <c r="B62" s="4" t="s">
        <v>1204</v>
      </c>
      <c r="C62" s="7">
        <v>1162234200</v>
      </c>
      <c r="D62" s="7">
        <v>1162234200</v>
      </c>
      <c r="E62" s="7">
        <v>1135668866.4100001</v>
      </c>
      <c r="F62" s="7">
        <v>97.71</v>
      </c>
    </row>
    <row r="63" spans="1:6" x14ac:dyDescent="0.25">
      <c r="A63" s="2" t="s">
        <v>106</v>
      </c>
      <c r="B63" s="4" t="s">
        <v>1205</v>
      </c>
      <c r="C63" s="7">
        <v>0</v>
      </c>
      <c r="D63" s="7">
        <v>0</v>
      </c>
      <c r="E63" s="7">
        <v>0</v>
      </c>
      <c r="F63" s="7">
        <v>0</v>
      </c>
    </row>
    <row r="64" spans="1:6" x14ac:dyDescent="0.25">
      <c r="A64" s="2" t="s">
        <v>108</v>
      </c>
      <c r="B64" s="4" t="s">
        <v>1206</v>
      </c>
      <c r="C64" s="7">
        <v>0</v>
      </c>
      <c r="D64" s="7">
        <v>0</v>
      </c>
      <c r="E64" s="7">
        <v>975570.43</v>
      </c>
      <c r="F64" s="7">
        <v>0</v>
      </c>
    </row>
    <row r="65" spans="1:9" x14ac:dyDescent="0.25">
      <c r="A65" s="2" t="s">
        <v>110</v>
      </c>
      <c r="B65" s="4" t="s">
        <v>1207</v>
      </c>
      <c r="C65" s="7">
        <v>-686553500</v>
      </c>
      <c r="D65" s="7">
        <v>-686553500</v>
      </c>
      <c r="E65" s="7">
        <v>-791004754.11000001</v>
      </c>
      <c r="F65" s="7">
        <v>115.21</v>
      </c>
    </row>
    <row r="67" spans="1:9" x14ac:dyDescent="0.25">
      <c r="A67" s="8" t="s">
        <v>6</v>
      </c>
      <c r="B67" s="8" t="s">
        <v>1208</v>
      </c>
      <c r="C67" s="8" t="s">
        <v>570</v>
      </c>
    </row>
    <row r="68" spans="1:9" x14ac:dyDescent="0.25">
      <c r="A68" s="8" t="s">
        <v>5</v>
      </c>
      <c r="B68" s="8" t="s">
        <v>5</v>
      </c>
      <c r="C68" s="8" t="s">
        <v>5</v>
      </c>
    </row>
    <row r="69" spans="1:9" x14ac:dyDescent="0.25">
      <c r="A69" s="2" t="s">
        <v>112</v>
      </c>
      <c r="B69" s="4" t="s">
        <v>1209</v>
      </c>
      <c r="C69" s="7">
        <v>0</v>
      </c>
    </row>
    <row r="70" spans="1:9" x14ac:dyDescent="0.25">
      <c r="A70" s="2" t="s">
        <v>114</v>
      </c>
      <c r="B70" s="4" t="s">
        <v>1210</v>
      </c>
      <c r="C70" s="7">
        <v>-791004754.11000001</v>
      </c>
    </row>
    <row r="72" spans="1:9" x14ac:dyDescent="0.25">
      <c r="A72" s="8" t="s">
        <v>6</v>
      </c>
      <c r="B72" s="8" t="s">
        <v>1211</v>
      </c>
      <c r="C72" s="8" t="s">
        <v>503</v>
      </c>
      <c r="D72" s="8" t="s">
        <v>457</v>
      </c>
      <c r="E72" s="8" t="s">
        <v>167</v>
      </c>
      <c r="F72" s="8" t="s">
        <v>5</v>
      </c>
      <c r="G72" s="8" t="s">
        <v>171</v>
      </c>
      <c r="H72" s="8" t="s">
        <v>5</v>
      </c>
      <c r="I72" s="8" t="s">
        <v>1215</v>
      </c>
    </row>
    <row r="73" spans="1:9" ht="21" x14ac:dyDescent="0.25">
      <c r="A73" s="8" t="s">
        <v>5</v>
      </c>
      <c r="B73" s="8" t="s">
        <v>5</v>
      </c>
      <c r="C73" s="8" t="s">
        <v>5</v>
      </c>
      <c r="D73" s="8" t="s">
        <v>5</v>
      </c>
      <c r="E73" s="1" t="s">
        <v>605</v>
      </c>
      <c r="F73" s="1" t="s">
        <v>1212</v>
      </c>
      <c r="G73" s="1" t="s">
        <v>1213</v>
      </c>
      <c r="H73" s="1" t="s">
        <v>1214</v>
      </c>
      <c r="I73" s="8" t="s">
        <v>5</v>
      </c>
    </row>
    <row r="74" spans="1:9" x14ac:dyDescent="0.25">
      <c r="A74" s="3" t="s">
        <v>116</v>
      </c>
      <c r="B74" s="5" t="s">
        <v>1216</v>
      </c>
      <c r="C74" s="6">
        <v>1145695000</v>
      </c>
      <c r="D74" s="6">
        <v>1143695000</v>
      </c>
      <c r="E74" s="6">
        <v>1116303540.26</v>
      </c>
      <c r="F74" s="6">
        <v>97.61</v>
      </c>
      <c r="G74" s="6">
        <v>1116303540.26</v>
      </c>
      <c r="H74" s="6">
        <v>97.61</v>
      </c>
      <c r="I74" s="6">
        <v>0</v>
      </c>
    </row>
    <row r="75" spans="1:9" x14ac:dyDescent="0.25">
      <c r="A75" s="2" t="s">
        <v>118</v>
      </c>
      <c r="B75" s="4" t="s">
        <v>1217</v>
      </c>
      <c r="C75" s="7">
        <v>687417000</v>
      </c>
      <c r="D75" s="7">
        <v>686217000</v>
      </c>
      <c r="E75" s="7">
        <v>669782124.15999997</v>
      </c>
      <c r="F75" s="7">
        <v>97.61</v>
      </c>
      <c r="G75" s="7">
        <v>669782124.15999997</v>
      </c>
      <c r="H75" s="7">
        <v>97.61</v>
      </c>
      <c r="I75" s="7">
        <v>0</v>
      </c>
    </row>
    <row r="76" spans="1:9" x14ac:dyDescent="0.25">
      <c r="A76" s="2" t="s">
        <v>119</v>
      </c>
      <c r="B76" s="4" t="s">
        <v>1218</v>
      </c>
      <c r="C76" s="7">
        <v>458278000</v>
      </c>
      <c r="D76" s="7">
        <v>457478000</v>
      </c>
      <c r="E76" s="7">
        <v>446521416.10000002</v>
      </c>
      <c r="F76" s="7">
        <v>97.61</v>
      </c>
      <c r="G76" s="7">
        <v>446521416.10000002</v>
      </c>
      <c r="H76" s="7">
        <v>97.61</v>
      </c>
      <c r="I76" s="7">
        <v>0</v>
      </c>
    </row>
    <row r="77" spans="1:9" x14ac:dyDescent="0.25">
      <c r="A77" s="3" t="s">
        <v>120</v>
      </c>
      <c r="B77" s="5" t="s">
        <v>1219</v>
      </c>
      <c r="C77" s="6">
        <v>16539200</v>
      </c>
      <c r="D77" s="6">
        <v>18539200</v>
      </c>
      <c r="E77" s="6">
        <v>15678291.33</v>
      </c>
      <c r="F77" s="6">
        <v>84.57</v>
      </c>
      <c r="G77" s="6">
        <v>15678291.33</v>
      </c>
      <c r="H77" s="6">
        <v>84.57</v>
      </c>
      <c r="I77" s="6">
        <v>0</v>
      </c>
    </row>
    <row r="78" spans="1:9" x14ac:dyDescent="0.25">
      <c r="A78" s="2" t="s">
        <v>121</v>
      </c>
      <c r="B78" s="4" t="s">
        <v>1220</v>
      </c>
      <c r="C78" s="7">
        <v>16539200</v>
      </c>
      <c r="D78" s="7">
        <v>18539200</v>
      </c>
      <c r="E78" s="7">
        <v>15678291.33</v>
      </c>
      <c r="F78" s="7">
        <v>84.57</v>
      </c>
      <c r="G78" s="7">
        <v>15678291.33</v>
      </c>
      <c r="H78" s="7">
        <v>84.57</v>
      </c>
      <c r="I78" s="7">
        <v>0</v>
      </c>
    </row>
    <row r="79" spans="1:9" x14ac:dyDescent="0.25">
      <c r="A79" s="2" t="s">
        <v>122</v>
      </c>
      <c r="B79" s="4" t="s">
        <v>1221</v>
      </c>
      <c r="C79" s="7">
        <v>0</v>
      </c>
      <c r="D79" s="7">
        <v>0</v>
      </c>
      <c r="E79" s="7">
        <v>0</v>
      </c>
      <c r="F79" s="7">
        <v>0</v>
      </c>
      <c r="G79" s="7">
        <v>0</v>
      </c>
      <c r="H79" s="7">
        <v>0</v>
      </c>
      <c r="I79" s="7">
        <v>0</v>
      </c>
    </row>
    <row r="80" spans="1:9" x14ac:dyDescent="0.25">
      <c r="A80" s="3" t="s">
        <v>123</v>
      </c>
      <c r="B80" s="5" t="s">
        <v>1222</v>
      </c>
      <c r="C80" s="6">
        <v>1162234200</v>
      </c>
      <c r="D80" s="6">
        <v>1162234200</v>
      </c>
      <c r="E80" s="6">
        <v>1131981831.5899999</v>
      </c>
      <c r="F80" s="6">
        <v>97.4</v>
      </c>
      <c r="G80" s="6">
        <v>1131981831.5899999</v>
      </c>
      <c r="H80" s="6">
        <v>97.4</v>
      </c>
      <c r="I80" s="6">
        <v>0</v>
      </c>
    </row>
    <row r="82" spans="1:3" x14ac:dyDescent="0.25">
      <c r="A82" s="8" t="s">
        <v>6</v>
      </c>
      <c r="B82" s="8" t="s">
        <v>1223</v>
      </c>
      <c r="C82" s="8" t="s">
        <v>570</v>
      </c>
    </row>
    <row r="83" spans="1:3" x14ac:dyDescent="0.25">
      <c r="A83" s="8" t="s">
        <v>5</v>
      </c>
      <c r="B83" s="8" t="s">
        <v>5</v>
      </c>
      <c r="C83" s="8" t="s">
        <v>5</v>
      </c>
    </row>
    <row r="84" spans="1:3" x14ac:dyDescent="0.25">
      <c r="A84" s="3" t="s">
        <v>124</v>
      </c>
      <c r="B84" s="5" t="s">
        <v>1224</v>
      </c>
      <c r="C84" s="6">
        <v>0</v>
      </c>
    </row>
    <row r="85" spans="1:3" x14ac:dyDescent="0.25">
      <c r="A85" s="2" t="s">
        <v>125</v>
      </c>
      <c r="B85" s="4" t="s">
        <v>1225</v>
      </c>
      <c r="C85" s="7">
        <v>0</v>
      </c>
    </row>
    <row r="86" spans="1:3" x14ac:dyDescent="0.25">
      <c r="A86" s="2" t="s">
        <v>126</v>
      </c>
      <c r="B86" s="4" t="s">
        <v>1226</v>
      </c>
      <c r="C86" s="7">
        <v>0</v>
      </c>
    </row>
    <row r="87" spans="1:3" x14ac:dyDescent="0.25">
      <c r="A87" s="3" t="s">
        <v>128</v>
      </c>
      <c r="B87" s="5" t="s">
        <v>1227</v>
      </c>
      <c r="C87" s="6">
        <v>0</v>
      </c>
    </row>
    <row r="88" spans="1:3" x14ac:dyDescent="0.25">
      <c r="A88" s="2" t="s">
        <v>130</v>
      </c>
      <c r="B88" s="4" t="s">
        <v>1228</v>
      </c>
      <c r="C88" s="7">
        <v>0</v>
      </c>
    </row>
    <row r="89" spans="1:3" x14ac:dyDescent="0.25">
      <c r="A89" s="2" t="s">
        <v>132</v>
      </c>
      <c r="B89" s="4" t="s">
        <v>1229</v>
      </c>
      <c r="C89" s="7">
        <v>0</v>
      </c>
    </row>
    <row r="90" spans="1:3" x14ac:dyDescent="0.25">
      <c r="A90" s="3" t="s">
        <v>134</v>
      </c>
      <c r="B90" s="5" t="s">
        <v>1230</v>
      </c>
      <c r="C90" s="6">
        <v>0</v>
      </c>
    </row>
    <row r="92" spans="1:3" x14ac:dyDescent="0.25">
      <c r="A92" s="8" t="s">
        <v>6</v>
      </c>
      <c r="B92" s="8" t="s">
        <v>1231</v>
      </c>
      <c r="C92" s="8" t="s">
        <v>570</v>
      </c>
    </row>
    <row r="93" spans="1:3" x14ac:dyDescent="0.25">
      <c r="A93" s="8" t="s">
        <v>5</v>
      </c>
      <c r="B93" s="8" t="s">
        <v>5</v>
      </c>
      <c r="C93" s="8" t="s">
        <v>5</v>
      </c>
    </row>
    <row r="94" spans="1:3" x14ac:dyDescent="0.25">
      <c r="A94" s="2" t="s">
        <v>136</v>
      </c>
      <c r="B94" s="4" t="s">
        <v>1232</v>
      </c>
      <c r="C94" s="7">
        <v>1131981831.5899999</v>
      </c>
    </row>
    <row r="95" spans="1:3" x14ac:dyDescent="0.25">
      <c r="A95" s="2" t="s">
        <v>138</v>
      </c>
      <c r="B95" s="4" t="s">
        <v>1233</v>
      </c>
      <c r="C95" s="7">
        <v>98.21</v>
      </c>
    </row>
    <row r="96" spans="1:3" x14ac:dyDescent="0.25">
      <c r="A96" s="2" t="s">
        <v>140</v>
      </c>
      <c r="B96" s="4" t="s">
        <v>1234</v>
      </c>
      <c r="C96" s="7">
        <v>1.38</v>
      </c>
    </row>
    <row r="97" spans="1:9" x14ac:dyDescent="0.25">
      <c r="A97" s="2" t="s">
        <v>142</v>
      </c>
      <c r="B97" s="4" t="s">
        <v>1235</v>
      </c>
      <c r="C97" s="7">
        <v>0.41</v>
      </c>
    </row>
    <row r="99" spans="1:9" x14ac:dyDescent="0.25">
      <c r="A99" s="8" t="s">
        <v>6</v>
      </c>
      <c r="B99" s="8" t="s">
        <v>1236</v>
      </c>
      <c r="C99" s="8" t="s">
        <v>570</v>
      </c>
    </row>
    <row r="100" spans="1:9" x14ac:dyDescent="0.25">
      <c r="A100" s="8" t="s">
        <v>5</v>
      </c>
      <c r="B100" s="8" t="s">
        <v>5</v>
      </c>
      <c r="C100" s="8" t="s">
        <v>5</v>
      </c>
    </row>
    <row r="101" spans="1:9" x14ac:dyDescent="0.25">
      <c r="A101" s="2" t="s">
        <v>144</v>
      </c>
      <c r="B101" s="4" t="s">
        <v>1237</v>
      </c>
      <c r="C101" s="7">
        <v>0</v>
      </c>
    </row>
    <row r="102" spans="1:9" x14ac:dyDescent="0.25">
      <c r="A102" s="2" t="s">
        <v>146</v>
      </c>
      <c r="B102" s="4" t="s">
        <v>1238</v>
      </c>
      <c r="C102" s="7">
        <v>0</v>
      </c>
    </row>
    <row r="104" spans="1:9" x14ac:dyDescent="0.25">
      <c r="A104" s="8" t="s">
        <v>6</v>
      </c>
      <c r="B104" s="8" t="s">
        <v>1239</v>
      </c>
      <c r="C104" s="8" t="s">
        <v>503</v>
      </c>
      <c r="D104" s="8" t="s">
        <v>457</v>
      </c>
      <c r="E104" s="8" t="s">
        <v>167</v>
      </c>
      <c r="F104" s="8" t="s">
        <v>5</v>
      </c>
      <c r="G104" s="8" t="s">
        <v>171</v>
      </c>
      <c r="H104" s="8" t="s">
        <v>5</v>
      </c>
      <c r="I104" s="8" t="s">
        <v>1215</v>
      </c>
    </row>
    <row r="105" spans="1:9" ht="21" x14ac:dyDescent="0.25">
      <c r="A105" s="8" t="s">
        <v>5</v>
      </c>
      <c r="B105" s="8" t="s">
        <v>5</v>
      </c>
      <c r="C105" s="8" t="s">
        <v>5</v>
      </c>
      <c r="D105" s="8" t="s">
        <v>5</v>
      </c>
      <c r="E105" s="1" t="s">
        <v>605</v>
      </c>
      <c r="F105" s="1" t="s">
        <v>1212</v>
      </c>
      <c r="G105" s="1" t="s">
        <v>1240</v>
      </c>
      <c r="H105" s="1" t="s">
        <v>1214</v>
      </c>
      <c r="I105" s="8" t="s">
        <v>5</v>
      </c>
    </row>
    <row r="106" spans="1:9" x14ac:dyDescent="0.25">
      <c r="A106" s="3" t="s">
        <v>148</v>
      </c>
      <c r="B106" s="5" t="s">
        <v>1241</v>
      </c>
      <c r="C106" s="6">
        <v>0</v>
      </c>
      <c r="D106" s="6">
        <v>0</v>
      </c>
      <c r="E106" s="6">
        <v>0</v>
      </c>
      <c r="F106" s="6">
        <v>0</v>
      </c>
      <c r="G106" s="6">
        <v>0</v>
      </c>
      <c r="H106" s="6">
        <v>0</v>
      </c>
      <c r="I106" s="6">
        <v>0</v>
      </c>
    </row>
    <row r="107" spans="1:9" x14ac:dyDescent="0.25">
      <c r="A107" s="2" t="s">
        <v>150</v>
      </c>
      <c r="B107" s="4" t="s">
        <v>1242</v>
      </c>
      <c r="C107" s="7">
        <v>0</v>
      </c>
      <c r="D107" s="7">
        <v>0</v>
      </c>
      <c r="E107" s="7">
        <v>0</v>
      </c>
      <c r="F107" s="7">
        <v>0</v>
      </c>
      <c r="G107" s="7">
        <v>0</v>
      </c>
      <c r="H107" s="7">
        <v>0</v>
      </c>
      <c r="I107" s="7">
        <v>0</v>
      </c>
    </row>
    <row r="108" spans="1:9" x14ac:dyDescent="0.25">
      <c r="A108" s="2" t="s">
        <v>151</v>
      </c>
      <c r="B108" s="4" t="s">
        <v>1243</v>
      </c>
      <c r="C108" s="7">
        <v>0</v>
      </c>
      <c r="D108" s="7">
        <v>0</v>
      </c>
      <c r="E108" s="7">
        <v>0</v>
      </c>
      <c r="F108" s="7">
        <v>0</v>
      </c>
      <c r="G108" s="7">
        <v>0</v>
      </c>
      <c r="H108" s="7">
        <v>0</v>
      </c>
      <c r="I108" s="7">
        <v>0</v>
      </c>
    </row>
    <row r="109" spans="1:9" x14ac:dyDescent="0.25">
      <c r="A109" s="3" t="s">
        <v>152</v>
      </c>
      <c r="B109" s="5" t="s">
        <v>1244</v>
      </c>
      <c r="C109" s="6">
        <v>712277800</v>
      </c>
      <c r="D109" s="6">
        <v>706639670</v>
      </c>
      <c r="E109" s="6">
        <v>687339555.70000005</v>
      </c>
      <c r="F109" s="6">
        <v>97.27</v>
      </c>
      <c r="G109" s="6">
        <v>686140303.70000005</v>
      </c>
      <c r="H109" s="6">
        <v>97.1</v>
      </c>
      <c r="I109" s="6">
        <v>1199252</v>
      </c>
    </row>
    <row r="110" spans="1:9" x14ac:dyDescent="0.25">
      <c r="A110" s="2" t="s">
        <v>154</v>
      </c>
      <c r="B110" s="4" t="s">
        <v>1245</v>
      </c>
      <c r="C110" s="7">
        <v>703956200</v>
      </c>
      <c r="D110" s="7">
        <v>704756200</v>
      </c>
      <c r="E110" s="7">
        <v>685460415.49000001</v>
      </c>
      <c r="F110" s="7">
        <v>97.26</v>
      </c>
      <c r="G110" s="7">
        <v>685460415.49000001</v>
      </c>
      <c r="H110" s="7">
        <v>97.26</v>
      </c>
      <c r="I110" s="7">
        <v>0</v>
      </c>
    </row>
    <row r="111" spans="1:9" x14ac:dyDescent="0.25">
      <c r="A111" s="2" t="s">
        <v>156</v>
      </c>
      <c r="B111" s="4" t="s">
        <v>1246</v>
      </c>
      <c r="C111" s="7">
        <v>8321600</v>
      </c>
      <c r="D111" s="7">
        <v>1883470</v>
      </c>
      <c r="E111" s="7">
        <v>1879140.21</v>
      </c>
      <c r="F111" s="7">
        <v>99.77</v>
      </c>
      <c r="G111" s="7">
        <v>679888.21</v>
      </c>
      <c r="H111" s="7">
        <v>36.1</v>
      </c>
      <c r="I111" s="7">
        <v>1199252</v>
      </c>
    </row>
    <row r="112" spans="1:9" x14ac:dyDescent="0.25">
      <c r="A112" s="3" t="s">
        <v>158</v>
      </c>
      <c r="B112" s="5" t="s">
        <v>1247</v>
      </c>
      <c r="C112" s="6">
        <v>463106000</v>
      </c>
      <c r="D112" s="6">
        <v>460968578</v>
      </c>
      <c r="E112" s="6">
        <v>450011993.5</v>
      </c>
      <c r="F112" s="6">
        <v>97.62</v>
      </c>
      <c r="G112" s="6">
        <v>449549805.97000003</v>
      </c>
      <c r="H112" s="6">
        <v>97.52</v>
      </c>
      <c r="I112" s="6">
        <v>462187.53</v>
      </c>
    </row>
    <row r="113" spans="1:9" x14ac:dyDescent="0.25">
      <c r="A113" s="2" t="s">
        <v>160</v>
      </c>
      <c r="B113" s="4" t="s">
        <v>1248</v>
      </c>
      <c r="C113" s="7">
        <v>458278000</v>
      </c>
      <c r="D113" s="7">
        <v>457478000</v>
      </c>
      <c r="E113" s="7">
        <v>446521416.10000002</v>
      </c>
      <c r="F113" s="7">
        <v>97.61</v>
      </c>
      <c r="G113" s="7">
        <v>446521416.10000002</v>
      </c>
      <c r="H113" s="7">
        <v>97.61</v>
      </c>
      <c r="I113" s="7">
        <v>0</v>
      </c>
    </row>
    <row r="114" spans="1:9" x14ac:dyDescent="0.25">
      <c r="A114" s="2" t="s">
        <v>162</v>
      </c>
      <c r="B114" s="4" t="s">
        <v>1249</v>
      </c>
      <c r="C114" s="7">
        <v>4828000</v>
      </c>
      <c r="D114" s="7">
        <v>3490578</v>
      </c>
      <c r="E114" s="7">
        <v>3490577.4</v>
      </c>
      <c r="F114" s="7">
        <v>100</v>
      </c>
      <c r="G114" s="7">
        <v>3028389.87</v>
      </c>
      <c r="H114" s="7">
        <v>86.76</v>
      </c>
      <c r="I114" s="7">
        <v>462187.53</v>
      </c>
    </row>
    <row r="115" spans="1:9" x14ac:dyDescent="0.25">
      <c r="A115" s="2" t="s">
        <v>177</v>
      </c>
      <c r="B115" s="4" t="s">
        <v>1250</v>
      </c>
      <c r="C115" s="7">
        <v>6988900</v>
      </c>
      <c r="D115" s="7">
        <v>8846600</v>
      </c>
      <c r="E115" s="7">
        <v>6568634.0899999999</v>
      </c>
      <c r="F115" s="7">
        <v>74.25</v>
      </c>
      <c r="G115" s="7">
        <v>6280724.6500000004</v>
      </c>
      <c r="H115" s="7">
        <v>71</v>
      </c>
      <c r="I115" s="7">
        <v>287909.44</v>
      </c>
    </row>
    <row r="116" spans="1:9" x14ac:dyDescent="0.25">
      <c r="A116" s="2" t="s">
        <v>179</v>
      </c>
      <c r="B116" s="4" t="s">
        <v>1251</v>
      </c>
      <c r="C116" s="7">
        <v>4111200</v>
      </c>
      <c r="D116" s="7">
        <v>291950</v>
      </c>
      <c r="E116" s="7">
        <v>291781.2</v>
      </c>
      <c r="F116" s="7">
        <v>99.94</v>
      </c>
      <c r="G116" s="7">
        <v>180541.62</v>
      </c>
      <c r="H116" s="7">
        <v>61.84</v>
      </c>
      <c r="I116" s="7">
        <v>111239.58</v>
      </c>
    </row>
    <row r="117" spans="1:9" x14ac:dyDescent="0.25">
      <c r="A117" s="2" t="s">
        <v>181</v>
      </c>
      <c r="B117" s="4" t="s">
        <v>1252</v>
      </c>
      <c r="C117" s="7">
        <v>941454300</v>
      </c>
      <c r="D117" s="7">
        <v>1494735459.55</v>
      </c>
      <c r="E117" s="7">
        <v>1439133887.3599999</v>
      </c>
      <c r="F117" s="7">
        <v>96.28</v>
      </c>
      <c r="G117" s="7">
        <v>1425876034.8199999</v>
      </c>
      <c r="H117" s="7">
        <v>95.39</v>
      </c>
      <c r="I117" s="7">
        <v>13257852.539999999</v>
      </c>
    </row>
    <row r="118" spans="1:9" x14ac:dyDescent="0.25">
      <c r="A118" s="3" t="s">
        <v>183</v>
      </c>
      <c r="B118" s="5" t="s">
        <v>1253</v>
      </c>
      <c r="C118" s="6">
        <v>2127938200</v>
      </c>
      <c r="D118" s="6">
        <v>2671482257.5500002</v>
      </c>
      <c r="E118" s="6">
        <v>2583345851.8499999</v>
      </c>
      <c r="F118" s="6">
        <v>96.7</v>
      </c>
      <c r="G118" s="6">
        <v>2568027410.7600002</v>
      </c>
      <c r="H118" s="6">
        <v>96.13</v>
      </c>
      <c r="I118" s="6">
        <v>15318441.09</v>
      </c>
    </row>
    <row r="120" spans="1:9" x14ac:dyDescent="0.25">
      <c r="A120" s="8" t="s">
        <v>6</v>
      </c>
      <c r="B120" s="8" t="s">
        <v>1254</v>
      </c>
      <c r="C120" s="8" t="s">
        <v>570</v>
      </c>
    </row>
    <row r="121" spans="1:9" x14ac:dyDescent="0.25">
      <c r="A121" s="8" t="s">
        <v>5</v>
      </c>
      <c r="B121" s="8" t="s">
        <v>5</v>
      </c>
      <c r="C121" s="8" t="s">
        <v>5</v>
      </c>
    </row>
    <row r="122" spans="1:9" x14ac:dyDescent="0.25">
      <c r="A122" s="2" t="s">
        <v>185</v>
      </c>
      <c r="B122" s="4" t="s">
        <v>1255</v>
      </c>
      <c r="C122" s="7">
        <v>-791004754.11000001</v>
      </c>
    </row>
    <row r="123" spans="1:9" x14ac:dyDescent="0.25">
      <c r="A123" s="2" t="s">
        <v>187</v>
      </c>
      <c r="B123" s="4" t="s">
        <v>1256</v>
      </c>
      <c r="C123" s="7">
        <v>0</v>
      </c>
    </row>
    <row r="124" spans="1:9" x14ac:dyDescent="0.25">
      <c r="A124" s="2" t="s">
        <v>189</v>
      </c>
      <c r="B124" s="4" t="s">
        <v>1257</v>
      </c>
      <c r="C124" s="7">
        <v>0</v>
      </c>
    </row>
    <row r="125" spans="1:9" x14ac:dyDescent="0.25">
      <c r="A125" s="2" t="s">
        <v>191</v>
      </c>
      <c r="B125" s="4" t="s">
        <v>1258</v>
      </c>
      <c r="C125" s="7">
        <v>0</v>
      </c>
    </row>
    <row r="126" spans="1:9" x14ac:dyDescent="0.25">
      <c r="A126" s="2" t="s">
        <v>193</v>
      </c>
      <c r="B126" s="4" t="s">
        <v>1259</v>
      </c>
      <c r="C126" s="7">
        <v>0</v>
      </c>
    </row>
    <row r="127" spans="1:9" x14ac:dyDescent="0.25">
      <c r="A127" s="2" t="s">
        <v>195</v>
      </c>
      <c r="B127" s="4" t="s">
        <v>1260</v>
      </c>
      <c r="C127" s="7">
        <v>22249212.710000001</v>
      </c>
    </row>
    <row r="128" spans="1:9" x14ac:dyDescent="0.25">
      <c r="A128" s="3" t="s">
        <v>197</v>
      </c>
      <c r="B128" s="5" t="s">
        <v>1261</v>
      </c>
      <c r="C128" s="6">
        <v>-768755541.39999998</v>
      </c>
    </row>
    <row r="129" spans="1:9" x14ac:dyDescent="0.25">
      <c r="A129" s="2" t="s">
        <v>199</v>
      </c>
      <c r="B129" s="4" t="s">
        <v>1262</v>
      </c>
      <c r="C129" s="7">
        <v>3352101393.25</v>
      </c>
    </row>
    <row r="130" spans="1:9" x14ac:dyDescent="0.25">
      <c r="A130" s="2" t="s">
        <v>201</v>
      </c>
      <c r="B130" s="4" t="s">
        <v>1263</v>
      </c>
      <c r="C130" s="7">
        <v>30.82</v>
      </c>
    </row>
    <row r="132" spans="1:9" x14ac:dyDescent="0.25">
      <c r="A132" s="8" t="s">
        <v>6</v>
      </c>
      <c r="B132" s="8" t="s">
        <v>1264</v>
      </c>
      <c r="C132" s="8" t="s">
        <v>503</v>
      </c>
      <c r="D132" s="8" t="s">
        <v>457</v>
      </c>
      <c r="E132" s="8" t="s">
        <v>167</v>
      </c>
      <c r="F132" s="8" t="s">
        <v>5</v>
      </c>
      <c r="G132" s="8" t="s">
        <v>171</v>
      </c>
      <c r="H132" s="8" t="s">
        <v>5</v>
      </c>
      <c r="I132" s="8" t="s">
        <v>1215</v>
      </c>
    </row>
    <row r="133" spans="1:9" ht="21" x14ac:dyDescent="0.25">
      <c r="A133" s="8" t="s">
        <v>5</v>
      </c>
      <c r="B133" s="8" t="s">
        <v>5</v>
      </c>
      <c r="C133" s="8" t="s">
        <v>5</v>
      </c>
      <c r="D133" s="8" t="s">
        <v>5</v>
      </c>
      <c r="E133" s="1" t="s">
        <v>605</v>
      </c>
      <c r="F133" s="1" t="s">
        <v>1212</v>
      </c>
      <c r="G133" s="1" t="s">
        <v>1240</v>
      </c>
      <c r="H133" s="1" t="s">
        <v>1214</v>
      </c>
      <c r="I133" s="8" t="s">
        <v>5</v>
      </c>
    </row>
    <row r="134" spans="1:9" x14ac:dyDescent="0.25">
      <c r="A134" s="2" t="s">
        <v>203</v>
      </c>
      <c r="B134" s="4" t="s">
        <v>1265</v>
      </c>
      <c r="C134" s="7">
        <v>0</v>
      </c>
      <c r="D134" s="7">
        <v>0</v>
      </c>
      <c r="E134" s="7">
        <v>0</v>
      </c>
      <c r="F134" s="7">
        <v>0</v>
      </c>
      <c r="G134" s="7">
        <v>0</v>
      </c>
      <c r="H134" s="7">
        <v>0</v>
      </c>
      <c r="I134" s="7">
        <v>0</v>
      </c>
    </row>
    <row r="135" spans="1:9" x14ac:dyDescent="0.25">
      <c r="A135" s="2" t="s">
        <v>205</v>
      </c>
      <c r="B135" s="4" t="s">
        <v>1266</v>
      </c>
      <c r="C135" s="7">
        <v>70685500</v>
      </c>
      <c r="D135" s="7">
        <v>70685500</v>
      </c>
      <c r="E135" s="7">
        <v>52377898.560000002</v>
      </c>
      <c r="F135" s="7">
        <v>74.099999999999994</v>
      </c>
      <c r="G135" s="7">
        <v>48146050.969999999</v>
      </c>
      <c r="H135" s="7">
        <v>68.11</v>
      </c>
      <c r="I135" s="7">
        <v>4231847.59</v>
      </c>
    </row>
    <row r="136" spans="1:9" x14ac:dyDescent="0.25">
      <c r="A136" s="2" t="s">
        <v>207</v>
      </c>
      <c r="B136" s="4" t="s">
        <v>1267</v>
      </c>
      <c r="C136" s="7">
        <v>0</v>
      </c>
      <c r="D136" s="7">
        <v>0</v>
      </c>
      <c r="E136" s="7">
        <v>0</v>
      </c>
      <c r="F136" s="7">
        <v>0</v>
      </c>
      <c r="G136" s="7">
        <v>0</v>
      </c>
      <c r="H136" s="7">
        <v>0</v>
      </c>
      <c r="I136" s="7">
        <v>0</v>
      </c>
    </row>
    <row r="137" spans="1:9" x14ac:dyDescent="0.25">
      <c r="A137" s="2" t="s">
        <v>209</v>
      </c>
      <c r="B137" s="4" t="s">
        <v>1268</v>
      </c>
      <c r="C137" s="7">
        <v>47004900</v>
      </c>
      <c r="D137" s="7">
        <v>73561500</v>
      </c>
      <c r="E137" s="7">
        <v>62929332.210000001</v>
      </c>
      <c r="F137" s="7">
        <v>85.55</v>
      </c>
      <c r="G137" s="7">
        <v>41255195.560000002</v>
      </c>
      <c r="H137" s="7">
        <v>56.08</v>
      </c>
      <c r="I137" s="7">
        <v>21674136.649999999</v>
      </c>
    </row>
    <row r="138" spans="1:9" x14ac:dyDescent="0.25">
      <c r="A138" s="3" t="s">
        <v>211</v>
      </c>
      <c r="B138" s="5" t="s">
        <v>1269</v>
      </c>
      <c r="C138" s="6">
        <v>117690400</v>
      </c>
      <c r="D138" s="6">
        <v>144247000</v>
      </c>
      <c r="E138" s="6">
        <v>115307230.77</v>
      </c>
      <c r="F138" s="6">
        <v>79.94</v>
      </c>
      <c r="G138" s="6">
        <v>89401246.530000001</v>
      </c>
      <c r="H138" s="6">
        <v>61.98</v>
      </c>
      <c r="I138" s="6">
        <v>25905984.239999998</v>
      </c>
    </row>
    <row r="139" spans="1:9" x14ac:dyDescent="0.25">
      <c r="A139" s="2" t="s">
        <v>213</v>
      </c>
      <c r="B139" s="4" t="s">
        <v>1270</v>
      </c>
      <c r="C139" s="7">
        <v>2245628600</v>
      </c>
      <c r="D139" s="7">
        <v>2815729257.5500002</v>
      </c>
      <c r="E139" s="7">
        <v>2698653082.6199999</v>
      </c>
      <c r="F139" s="7">
        <v>95.84</v>
      </c>
      <c r="G139" s="7">
        <v>2657428657.29</v>
      </c>
      <c r="H139" s="7">
        <v>94.38</v>
      </c>
      <c r="I139" s="7">
        <v>41224425.329999998</v>
      </c>
    </row>
    <row r="141" spans="1:9" x14ac:dyDescent="0.25">
      <c r="A141" s="8" t="s">
        <v>6</v>
      </c>
      <c r="B141" s="8" t="s">
        <v>1271</v>
      </c>
      <c r="C141" s="8" t="s">
        <v>1272</v>
      </c>
      <c r="D141" s="8" t="s">
        <v>1273</v>
      </c>
    </row>
    <row r="142" spans="1:9" x14ac:dyDescent="0.25">
      <c r="A142" s="8" t="s">
        <v>5</v>
      </c>
      <c r="B142" s="8" t="s">
        <v>5</v>
      </c>
      <c r="C142" s="8" t="s">
        <v>5</v>
      </c>
      <c r="D142" s="8" t="s">
        <v>5</v>
      </c>
    </row>
    <row r="143" spans="1:9" x14ac:dyDescent="0.25">
      <c r="A143" s="3" t="s">
        <v>215</v>
      </c>
      <c r="B143" s="5" t="s">
        <v>1274</v>
      </c>
      <c r="C143" s="6">
        <v>2518189.81</v>
      </c>
      <c r="D143" s="6">
        <v>22249212.710000001</v>
      </c>
    </row>
    <row r="144" spans="1:9" x14ac:dyDescent="0.25">
      <c r="A144" s="2" t="s">
        <v>216</v>
      </c>
      <c r="B144" s="4" t="s">
        <v>1275</v>
      </c>
      <c r="C144" s="7">
        <v>2518189.81</v>
      </c>
      <c r="D144" s="7">
        <v>22239009.719999999</v>
      </c>
    </row>
    <row r="145" spans="1:4" x14ac:dyDescent="0.25">
      <c r="A145" s="2" t="s">
        <v>217</v>
      </c>
      <c r="B145" s="4" t="s">
        <v>1276</v>
      </c>
      <c r="C145" s="7">
        <v>0</v>
      </c>
      <c r="D145" s="7">
        <v>10202.99</v>
      </c>
    </row>
    <row r="147" spans="1:4" x14ac:dyDescent="0.25">
      <c r="A147" s="8" t="s">
        <v>6</v>
      </c>
      <c r="B147" s="8" t="s">
        <v>1277</v>
      </c>
      <c r="C147" s="8" t="s">
        <v>1278</v>
      </c>
      <c r="D147" s="8" t="s">
        <v>1279</v>
      </c>
    </row>
    <row r="148" spans="1:4" x14ac:dyDescent="0.25">
      <c r="A148" s="8" t="s">
        <v>5</v>
      </c>
      <c r="B148" s="8" t="s">
        <v>5</v>
      </c>
      <c r="C148" s="8" t="s">
        <v>5</v>
      </c>
      <c r="D148" s="8" t="s">
        <v>5</v>
      </c>
    </row>
    <row r="149" spans="1:4" x14ac:dyDescent="0.25">
      <c r="A149" s="2" t="s">
        <v>219</v>
      </c>
      <c r="B149" s="4" t="s">
        <v>1280</v>
      </c>
      <c r="C149" s="7">
        <v>44928709.090000004</v>
      </c>
      <c r="D149" s="7">
        <v>22074828.190000001</v>
      </c>
    </row>
    <row r="150" spans="1:4" x14ac:dyDescent="0.25">
      <c r="A150" s="2" t="s">
        <v>221</v>
      </c>
      <c r="B150" s="4" t="s">
        <v>1281</v>
      </c>
      <c r="C150" s="7">
        <v>1135668866.4100001</v>
      </c>
      <c r="D150" s="7">
        <v>44212476.649999999</v>
      </c>
    </row>
    <row r="151" spans="1:4" x14ac:dyDescent="0.25">
      <c r="A151" s="3" t="s">
        <v>223</v>
      </c>
      <c r="B151" s="5" t="s">
        <v>1282</v>
      </c>
      <c r="C151" s="6">
        <v>1155283225.3</v>
      </c>
      <c r="D151" s="6">
        <v>56168772.170000002</v>
      </c>
    </row>
    <row r="152" spans="1:4" x14ac:dyDescent="0.25">
      <c r="A152" s="2" t="s">
        <v>226</v>
      </c>
      <c r="B152" s="4" t="s">
        <v>1283</v>
      </c>
      <c r="C152" s="7">
        <v>1129493792.22</v>
      </c>
      <c r="D152" s="7">
        <v>48146050.969999999</v>
      </c>
    </row>
    <row r="153" spans="1:4" x14ac:dyDescent="0.25">
      <c r="A153" s="2" t="s">
        <v>228</v>
      </c>
      <c r="B153" s="4" t="s">
        <v>1284</v>
      </c>
      <c r="C153" s="7">
        <v>25789433.079999998</v>
      </c>
      <c r="D153" s="7">
        <v>8022721.2000000002</v>
      </c>
    </row>
    <row r="154" spans="1:4" x14ac:dyDescent="0.25">
      <c r="A154" s="2" t="s">
        <v>230</v>
      </c>
      <c r="B154" s="4" t="s">
        <v>1285</v>
      </c>
      <c r="C154" s="7">
        <v>975570.43</v>
      </c>
      <c r="D154" s="7">
        <v>453551.63</v>
      </c>
    </row>
    <row r="155" spans="1:4" x14ac:dyDescent="0.25">
      <c r="A155" s="3" t="s">
        <v>232</v>
      </c>
      <c r="B155" s="5" t="s">
        <v>1286</v>
      </c>
      <c r="C155" s="6">
        <v>26289920.629999999</v>
      </c>
      <c r="D155" s="6">
        <v>10572084.300000001</v>
      </c>
    </row>
    <row r="156" spans="1:4" x14ac:dyDescent="0.25">
      <c r="A156" s="3" t="s">
        <v>234</v>
      </c>
      <c r="B156" s="5" t="s">
        <v>1287</v>
      </c>
      <c r="C156" s="6">
        <v>-8636743.3499999996</v>
      </c>
      <c r="D156" s="6">
        <v>-101496.03</v>
      </c>
    </row>
    <row r="157" spans="1:4" x14ac:dyDescent="0.25">
      <c r="A157" s="2" t="s">
        <v>236</v>
      </c>
      <c r="B157" s="4" t="s">
        <v>1288</v>
      </c>
      <c r="C157" s="7">
        <v>-7945463.2699999996</v>
      </c>
      <c r="D157" s="7">
        <v>-101496.03</v>
      </c>
    </row>
    <row r="158" spans="1:4" x14ac:dyDescent="0.25">
      <c r="A158" s="2" t="s">
        <v>238</v>
      </c>
      <c r="B158" s="4" t="s">
        <v>1289</v>
      </c>
      <c r="C158" s="7">
        <v>0</v>
      </c>
      <c r="D158" s="7">
        <v>0</v>
      </c>
    </row>
    <row r="159" spans="1:4" x14ac:dyDescent="0.25">
      <c r="A159" s="2" t="s">
        <v>240</v>
      </c>
      <c r="B159" s="4" t="s">
        <v>1290</v>
      </c>
      <c r="C159" s="7">
        <v>-691280.08</v>
      </c>
      <c r="D159" s="7">
        <v>0</v>
      </c>
    </row>
    <row r="160" spans="1:4" x14ac:dyDescent="0.25">
      <c r="A160" s="2" t="s">
        <v>242</v>
      </c>
      <c r="B160" s="4" t="s">
        <v>1291</v>
      </c>
      <c r="C160" s="7">
        <v>0</v>
      </c>
      <c r="D160" s="7">
        <v>0</v>
      </c>
    </row>
    <row r="161" spans="1:4" x14ac:dyDescent="0.25">
      <c r="A161" s="3" t="s">
        <v>244</v>
      </c>
      <c r="B161" s="5" t="s">
        <v>1292</v>
      </c>
      <c r="C161" s="6">
        <v>17653177.280000001</v>
      </c>
      <c r="D161" s="6">
        <v>10470588.27</v>
      </c>
    </row>
  </sheetData>
  <mergeCells count="65">
    <mergeCell ref="A3:I3"/>
    <mergeCell ref="A4:I4"/>
    <mergeCell ref="A5:I5"/>
    <mergeCell ref="A6:I6"/>
    <mergeCell ref="A7:I7"/>
    <mergeCell ref="A9:I9"/>
    <mergeCell ref="A10:A11"/>
    <mergeCell ref="B10:B11"/>
    <mergeCell ref="C10:C11"/>
    <mergeCell ref="D10:D11"/>
    <mergeCell ref="E10:F10"/>
    <mergeCell ref="A35:A36"/>
    <mergeCell ref="B35:B36"/>
    <mergeCell ref="C35:C36"/>
    <mergeCell ref="D35:D36"/>
    <mergeCell ref="E35:F35"/>
    <mergeCell ref="A52:A53"/>
    <mergeCell ref="B52:B53"/>
    <mergeCell ref="C52:C53"/>
    <mergeCell ref="D52:D53"/>
    <mergeCell ref="E52:F52"/>
    <mergeCell ref="A67:A68"/>
    <mergeCell ref="B67:B68"/>
    <mergeCell ref="C67:C68"/>
    <mergeCell ref="A72:A73"/>
    <mergeCell ref="B72:B73"/>
    <mergeCell ref="C72:C73"/>
    <mergeCell ref="D72:D73"/>
    <mergeCell ref="E72:F72"/>
    <mergeCell ref="G72:H72"/>
    <mergeCell ref="I72:I73"/>
    <mergeCell ref="A82:A83"/>
    <mergeCell ref="B82:B83"/>
    <mergeCell ref="C82:C83"/>
    <mergeCell ref="A92:A93"/>
    <mergeCell ref="B92:B93"/>
    <mergeCell ref="C92:C93"/>
    <mergeCell ref="A99:A100"/>
    <mergeCell ref="B99:B100"/>
    <mergeCell ref="C99:C100"/>
    <mergeCell ref="G104:H104"/>
    <mergeCell ref="I104:I105"/>
    <mergeCell ref="A120:A121"/>
    <mergeCell ref="B120:B121"/>
    <mergeCell ref="C120:C121"/>
    <mergeCell ref="A104:A105"/>
    <mergeCell ref="B104:B105"/>
    <mergeCell ref="C104:C105"/>
    <mergeCell ref="D104:D105"/>
    <mergeCell ref="E104:F104"/>
    <mergeCell ref="I132:I133"/>
    <mergeCell ref="A141:A142"/>
    <mergeCell ref="B141:B142"/>
    <mergeCell ref="C141:C142"/>
    <mergeCell ref="D141:D142"/>
    <mergeCell ref="A132:A133"/>
    <mergeCell ref="B132:B133"/>
    <mergeCell ref="C132:C133"/>
    <mergeCell ref="D132:D133"/>
    <mergeCell ref="E132:F132"/>
    <mergeCell ref="A147:A148"/>
    <mergeCell ref="B147:B148"/>
    <mergeCell ref="C147:C148"/>
    <mergeCell ref="D147:D148"/>
    <mergeCell ref="G132:H132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E26"/>
  <sheetViews>
    <sheetView showGridLines="0" workbookViewId="0"/>
  </sheetViews>
  <sheetFormatPr defaultRowHeight="15" x14ac:dyDescent="0.25"/>
  <cols>
    <col min="1" max="1" width="1.85546875" bestFit="1" customWidth="1"/>
    <col min="2" max="2" width="43.140625" bestFit="1" customWidth="1"/>
    <col min="3" max="4" width="19" bestFit="1" customWidth="1"/>
    <col min="5" max="5" width="17.28515625" bestFit="1" customWidth="1"/>
  </cols>
  <sheetData>
    <row r="3" spans="1:5" x14ac:dyDescent="0.25">
      <c r="A3" s="11" t="s">
        <v>0</v>
      </c>
      <c r="B3" s="10"/>
      <c r="C3" s="10"/>
      <c r="D3" s="10"/>
      <c r="E3" s="10"/>
    </row>
    <row r="4" spans="1:5" x14ac:dyDescent="0.25">
      <c r="A4" s="11" t="s">
        <v>1</v>
      </c>
      <c r="B4" s="10"/>
      <c r="C4" s="10"/>
      <c r="D4" s="10"/>
      <c r="E4" s="10"/>
    </row>
    <row r="5" spans="1:5" x14ac:dyDescent="0.25">
      <c r="A5" s="12" t="s">
        <v>1293</v>
      </c>
      <c r="B5" s="10"/>
      <c r="C5" s="10"/>
      <c r="D5" s="10"/>
      <c r="E5" s="10"/>
    </row>
    <row r="6" spans="1:5" x14ac:dyDescent="0.25">
      <c r="A6" s="11" t="s">
        <v>3</v>
      </c>
      <c r="B6" s="10"/>
      <c r="C6" s="10"/>
      <c r="D6" s="10"/>
      <c r="E6" s="10"/>
    </row>
    <row r="7" spans="1:5" x14ac:dyDescent="0.25">
      <c r="A7" s="11" t="s">
        <v>4</v>
      </c>
      <c r="B7" s="10"/>
      <c r="C7" s="10"/>
      <c r="D7" s="10"/>
      <c r="E7" s="10"/>
    </row>
    <row r="9" spans="1:5" x14ac:dyDescent="0.25">
      <c r="A9" s="9" t="s">
        <v>5</v>
      </c>
      <c r="B9" s="10"/>
      <c r="C9" s="10"/>
      <c r="D9" s="10"/>
      <c r="E9" s="10"/>
    </row>
    <row r="10" spans="1:5" x14ac:dyDescent="0.25">
      <c r="A10" s="8" t="s">
        <v>6</v>
      </c>
      <c r="B10" s="8" t="s">
        <v>7</v>
      </c>
      <c r="C10" s="8" t="s">
        <v>9</v>
      </c>
      <c r="D10" s="8" t="s">
        <v>450</v>
      </c>
      <c r="E10" s="8" t="s">
        <v>1294</v>
      </c>
    </row>
    <row r="11" spans="1:5" x14ac:dyDescent="0.25">
      <c r="A11" s="8" t="s">
        <v>5</v>
      </c>
      <c r="B11" s="8" t="s">
        <v>5</v>
      </c>
      <c r="C11" s="8" t="s">
        <v>5</v>
      </c>
      <c r="D11" s="8" t="s">
        <v>5</v>
      </c>
      <c r="E11" s="8" t="s">
        <v>5</v>
      </c>
    </row>
    <row r="12" spans="1:5" x14ac:dyDescent="0.25">
      <c r="A12" s="2" t="s">
        <v>16</v>
      </c>
      <c r="B12" s="4" t="s">
        <v>1295</v>
      </c>
      <c r="C12" s="7">
        <v>35003682</v>
      </c>
      <c r="D12" s="7">
        <v>28464213</v>
      </c>
      <c r="E12" s="7">
        <v>6539469</v>
      </c>
    </row>
    <row r="14" spans="1:5" x14ac:dyDescent="0.25">
      <c r="A14" s="8" t="s">
        <v>6</v>
      </c>
      <c r="B14" s="8" t="s">
        <v>164</v>
      </c>
      <c r="C14" s="8" t="s">
        <v>457</v>
      </c>
      <c r="D14" s="8" t="s">
        <v>458</v>
      </c>
      <c r="E14" s="8" t="s">
        <v>1296</v>
      </c>
    </row>
    <row r="15" spans="1:5" x14ac:dyDescent="0.25">
      <c r="A15" s="8" t="s">
        <v>5</v>
      </c>
      <c r="B15" s="8" t="s">
        <v>5</v>
      </c>
      <c r="C15" s="8" t="s">
        <v>5</v>
      </c>
      <c r="D15" s="8" t="s">
        <v>5</v>
      </c>
      <c r="E15" s="8" t="s">
        <v>5</v>
      </c>
    </row>
    <row r="16" spans="1:5" x14ac:dyDescent="0.25">
      <c r="A16" s="3" t="s">
        <v>18</v>
      </c>
      <c r="B16" s="5" t="s">
        <v>358</v>
      </c>
      <c r="C16" s="6">
        <v>2083556730.04</v>
      </c>
      <c r="D16" s="6">
        <v>1141210455.5799999</v>
      </c>
      <c r="E16" s="6">
        <v>942346274.46000004</v>
      </c>
    </row>
    <row r="17" spans="1:5" x14ac:dyDescent="0.25">
      <c r="A17" s="2" t="s">
        <v>20</v>
      </c>
      <c r="B17" s="4" t="s">
        <v>465</v>
      </c>
      <c r="C17" s="7">
        <v>1884599070.04</v>
      </c>
      <c r="D17" s="7">
        <v>992198233.58000004</v>
      </c>
      <c r="E17" s="7">
        <v>892400836.46000004</v>
      </c>
    </row>
    <row r="18" spans="1:5" x14ac:dyDescent="0.25">
      <c r="A18" s="2" t="s">
        <v>22</v>
      </c>
      <c r="B18" s="4" t="s">
        <v>466</v>
      </c>
      <c r="C18" s="7">
        <v>8603742</v>
      </c>
      <c r="D18" s="7">
        <v>4266407.5999999996</v>
      </c>
      <c r="E18" s="7">
        <v>4337334.4000000004</v>
      </c>
    </row>
    <row r="19" spans="1:5" x14ac:dyDescent="0.25">
      <c r="A19" s="2" t="s">
        <v>24</v>
      </c>
      <c r="B19" s="4" t="s">
        <v>467</v>
      </c>
      <c r="C19" s="7">
        <v>190353918</v>
      </c>
      <c r="D19" s="7">
        <v>144745814.40000001</v>
      </c>
      <c r="E19" s="7">
        <v>45608103.600000001</v>
      </c>
    </row>
    <row r="20" spans="1:5" x14ac:dyDescent="0.25">
      <c r="A20" s="2" t="s">
        <v>26</v>
      </c>
      <c r="B20" s="4" t="s">
        <v>1297</v>
      </c>
      <c r="C20" s="7">
        <v>0</v>
      </c>
      <c r="D20" s="7">
        <v>0</v>
      </c>
      <c r="E20" s="7">
        <v>0</v>
      </c>
    </row>
    <row r="21" spans="1:5" x14ac:dyDescent="0.25">
      <c r="A21" s="2" t="s">
        <v>28</v>
      </c>
      <c r="B21" s="4" t="s">
        <v>1298</v>
      </c>
      <c r="C21" s="7">
        <v>0</v>
      </c>
      <c r="D21" s="7">
        <v>0</v>
      </c>
      <c r="E21" s="7">
        <v>0</v>
      </c>
    </row>
    <row r="22" spans="1:5" x14ac:dyDescent="0.25">
      <c r="A22" s="3" t="s">
        <v>30</v>
      </c>
      <c r="B22" s="5" t="s">
        <v>1299</v>
      </c>
      <c r="C22" s="6">
        <v>2083556730.04</v>
      </c>
      <c r="D22" s="6">
        <v>1141210455.5799999</v>
      </c>
      <c r="E22" s="6">
        <v>942346274.46000004</v>
      </c>
    </row>
    <row r="24" spans="1:5" x14ac:dyDescent="0.25">
      <c r="A24" s="8" t="s">
        <v>6</v>
      </c>
      <c r="B24" s="8" t="s">
        <v>1300</v>
      </c>
      <c r="C24" s="8" t="s">
        <v>1301</v>
      </c>
      <c r="D24" s="8" t="s">
        <v>1302</v>
      </c>
      <c r="E24" s="8" t="s">
        <v>1303</v>
      </c>
    </row>
    <row r="25" spans="1:5" x14ac:dyDescent="0.25">
      <c r="A25" s="8" t="s">
        <v>5</v>
      </c>
      <c r="B25" s="8" t="s">
        <v>5</v>
      </c>
      <c r="C25" s="8" t="s">
        <v>5</v>
      </c>
      <c r="D25" s="8" t="s">
        <v>5</v>
      </c>
      <c r="E25" s="8" t="s">
        <v>5</v>
      </c>
    </row>
    <row r="26" spans="1:5" x14ac:dyDescent="0.25">
      <c r="A26" s="2" t="s">
        <v>32</v>
      </c>
      <c r="B26" s="4" t="s">
        <v>1304</v>
      </c>
      <c r="C26" s="7">
        <v>2048553048.04</v>
      </c>
      <c r="D26" s="7">
        <v>1112746242.5799999</v>
      </c>
      <c r="E26" s="7">
        <v>935806805.46000004</v>
      </c>
    </row>
  </sheetData>
  <mergeCells count="21">
    <mergeCell ref="A3:E3"/>
    <mergeCell ref="A4:E4"/>
    <mergeCell ref="A5:E5"/>
    <mergeCell ref="A6:E6"/>
    <mergeCell ref="A7:E7"/>
    <mergeCell ref="A9:E9"/>
    <mergeCell ref="A10:A11"/>
    <mergeCell ref="B10:B11"/>
    <mergeCell ref="C10:C11"/>
    <mergeCell ref="D10:D11"/>
    <mergeCell ref="E10:E11"/>
    <mergeCell ref="A14:A15"/>
    <mergeCell ref="B14:B15"/>
    <mergeCell ref="C14:C15"/>
    <mergeCell ref="D14:D15"/>
    <mergeCell ref="E14:E15"/>
    <mergeCell ref="A24:A25"/>
    <mergeCell ref="B24:B25"/>
    <mergeCell ref="C24:C25"/>
    <mergeCell ref="D24:D25"/>
    <mergeCell ref="E24:E25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87"/>
  <sheetViews>
    <sheetView showGridLines="0" workbookViewId="0">
      <selection activeCell="C12" sqref="C12:F87"/>
    </sheetView>
  </sheetViews>
  <sheetFormatPr defaultRowHeight="15" x14ac:dyDescent="0.25"/>
  <cols>
    <col min="3" max="5" width="16.85546875" bestFit="1" customWidth="1"/>
    <col min="6" max="6" width="18" bestFit="1" customWidth="1"/>
  </cols>
  <sheetData>
    <row r="3" spans="1:6" x14ac:dyDescent="0.25">
      <c r="A3" s="11" t="s">
        <v>0</v>
      </c>
      <c r="B3" s="10"/>
      <c r="C3" s="10"/>
      <c r="D3" s="10"/>
      <c r="E3" s="10"/>
      <c r="F3" s="10"/>
    </row>
    <row r="4" spans="1:6" x14ac:dyDescent="0.25">
      <c r="A4" s="11" t="s">
        <v>1</v>
      </c>
      <c r="B4" s="10"/>
      <c r="C4" s="10"/>
      <c r="D4" s="10"/>
      <c r="E4" s="10"/>
      <c r="F4" s="10"/>
    </row>
    <row r="5" spans="1:6" x14ac:dyDescent="0.25">
      <c r="A5" s="12" t="s">
        <v>367</v>
      </c>
      <c r="B5" s="10"/>
      <c r="C5" s="10"/>
      <c r="D5" s="10"/>
      <c r="E5" s="10"/>
      <c r="F5" s="10"/>
    </row>
    <row r="6" spans="1:6" x14ac:dyDescent="0.25">
      <c r="A6" s="11" t="s">
        <v>3</v>
      </c>
      <c r="B6" s="10"/>
      <c r="C6" s="10"/>
      <c r="D6" s="10"/>
      <c r="E6" s="10"/>
      <c r="F6" s="10"/>
    </row>
    <row r="7" spans="1:6" x14ac:dyDescent="0.25">
      <c r="A7" s="11" t="s">
        <v>4</v>
      </c>
      <c r="B7" s="10"/>
      <c r="C7" s="10"/>
      <c r="D7" s="10"/>
      <c r="E7" s="10"/>
      <c r="F7" s="10"/>
    </row>
    <row r="9" spans="1:6" x14ac:dyDescent="0.25">
      <c r="A9" s="9" t="s">
        <v>5</v>
      </c>
      <c r="B9" s="10"/>
      <c r="C9" s="10"/>
      <c r="D9" s="10"/>
      <c r="E9" s="10"/>
      <c r="F9" s="10"/>
    </row>
    <row r="10" spans="1:6" x14ac:dyDescent="0.25">
      <c r="A10" s="8" t="s">
        <v>6</v>
      </c>
      <c r="B10" s="8" t="s">
        <v>368</v>
      </c>
      <c r="C10" s="8" t="s">
        <v>369</v>
      </c>
      <c r="D10" s="8" t="s">
        <v>370</v>
      </c>
      <c r="E10" s="8" t="s">
        <v>371</v>
      </c>
      <c r="F10" s="8" t="s">
        <v>372</v>
      </c>
    </row>
    <row r="11" spans="1:6" x14ac:dyDescent="0.25">
      <c r="A11" s="8" t="s">
        <v>5</v>
      </c>
      <c r="B11" s="8" t="s">
        <v>5</v>
      </c>
      <c r="C11" s="8" t="s">
        <v>5</v>
      </c>
      <c r="D11" s="8" t="s">
        <v>5</v>
      </c>
      <c r="E11" s="8" t="s">
        <v>5</v>
      </c>
      <c r="F11" s="8" t="s">
        <v>5</v>
      </c>
    </row>
    <row r="12" spans="1:6" x14ac:dyDescent="0.25">
      <c r="A12" s="2" t="s">
        <v>16</v>
      </c>
      <c r="B12" s="4" t="s">
        <v>373</v>
      </c>
      <c r="C12" s="7">
        <v>3891572249.21</v>
      </c>
      <c r="D12" s="7">
        <v>3717708458.0500002</v>
      </c>
      <c r="E12" s="7">
        <v>173863791.16</v>
      </c>
      <c r="F12" s="7">
        <v>174235614.28999999</v>
      </c>
    </row>
    <row r="13" spans="1:6" x14ac:dyDescent="0.25">
      <c r="A13" s="2" t="s">
        <v>18</v>
      </c>
      <c r="B13" s="4" t="s">
        <v>374</v>
      </c>
      <c r="C13" s="7">
        <v>2915885387.3499999</v>
      </c>
      <c r="D13" s="7">
        <v>3010078934.0799999</v>
      </c>
      <c r="E13" s="7">
        <v>-94193546.730000004</v>
      </c>
      <c r="F13" s="7">
        <v>80042067.560000002</v>
      </c>
    </row>
    <row r="14" spans="1:6" x14ac:dyDescent="0.25">
      <c r="A14" s="2" t="s">
        <v>20</v>
      </c>
      <c r="B14" s="4" t="s">
        <v>375</v>
      </c>
      <c r="C14" s="7">
        <v>3157689009.71</v>
      </c>
      <c r="D14" s="7">
        <v>3445907119.23</v>
      </c>
      <c r="E14" s="7">
        <v>-288218109.51999998</v>
      </c>
      <c r="F14" s="7">
        <v>-208176041.96000001</v>
      </c>
    </row>
    <row r="15" spans="1:6" x14ac:dyDescent="0.25">
      <c r="A15" s="2" t="s">
        <v>22</v>
      </c>
      <c r="B15" s="4" t="s">
        <v>376</v>
      </c>
      <c r="C15" s="7">
        <v>3150693114.0300002</v>
      </c>
      <c r="D15" s="7">
        <v>3431640131.6300001</v>
      </c>
      <c r="E15" s="7">
        <v>-280947017.60000002</v>
      </c>
      <c r="F15" s="7">
        <v>-489123059.56</v>
      </c>
    </row>
    <row r="16" spans="1:6" x14ac:dyDescent="0.25">
      <c r="A16" s="2" t="s">
        <v>24</v>
      </c>
      <c r="B16" s="4" t="s">
        <v>377</v>
      </c>
      <c r="C16" s="7">
        <v>3144725216.29</v>
      </c>
      <c r="D16" s="7">
        <v>3406706072.8200002</v>
      </c>
      <c r="E16" s="7">
        <v>-261980856.53</v>
      </c>
      <c r="F16" s="7">
        <v>-751103916.09000003</v>
      </c>
    </row>
    <row r="17" spans="1:6" x14ac:dyDescent="0.25">
      <c r="A17" s="2" t="s">
        <v>26</v>
      </c>
      <c r="B17" s="4" t="s">
        <v>378</v>
      </c>
      <c r="C17" s="7">
        <v>3150389485.5700002</v>
      </c>
      <c r="D17" s="7">
        <v>3403834853.5100002</v>
      </c>
      <c r="E17" s="7">
        <v>-253445367.94</v>
      </c>
      <c r="F17" s="7">
        <v>-1004549284.03</v>
      </c>
    </row>
    <row r="18" spans="1:6" x14ac:dyDescent="0.25">
      <c r="A18" s="2" t="s">
        <v>28</v>
      </c>
      <c r="B18" s="4" t="s">
        <v>379</v>
      </c>
      <c r="C18" s="7">
        <v>3156972900.3400002</v>
      </c>
      <c r="D18" s="7">
        <v>3402718429.48</v>
      </c>
      <c r="E18" s="7">
        <v>-245745529.15000001</v>
      </c>
      <c r="F18" s="7">
        <v>-1250294813.1800001</v>
      </c>
    </row>
    <row r="19" spans="1:6" x14ac:dyDescent="0.25">
      <c r="A19" s="2" t="s">
        <v>30</v>
      </c>
      <c r="B19" s="4" t="s">
        <v>380</v>
      </c>
      <c r="C19" s="7">
        <v>3168229094.1799998</v>
      </c>
      <c r="D19" s="7">
        <v>3410661179.6999998</v>
      </c>
      <c r="E19" s="7">
        <v>-242432085.52000001</v>
      </c>
      <c r="F19" s="7">
        <v>-1492726898.7</v>
      </c>
    </row>
    <row r="20" spans="1:6" x14ac:dyDescent="0.25">
      <c r="A20" s="2" t="s">
        <v>32</v>
      </c>
      <c r="B20" s="4" t="s">
        <v>381</v>
      </c>
      <c r="C20" s="7">
        <v>3182841333.8699999</v>
      </c>
      <c r="D20" s="7">
        <v>3424824537.0900002</v>
      </c>
      <c r="E20" s="7">
        <v>-241983203.22</v>
      </c>
      <c r="F20" s="7">
        <v>-1734710101.9200001</v>
      </c>
    </row>
    <row r="21" spans="1:6" x14ac:dyDescent="0.25">
      <c r="A21" s="2" t="s">
        <v>34</v>
      </c>
      <c r="B21" s="4" t="s">
        <v>382</v>
      </c>
      <c r="C21" s="7">
        <v>3192473852.0599999</v>
      </c>
      <c r="D21" s="7">
        <v>3431039355.6100001</v>
      </c>
      <c r="E21" s="7">
        <v>-238565503.55000001</v>
      </c>
      <c r="F21" s="7">
        <v>-1973275605.47</v>
      </c>
    </row>
    <row r="22" spans="1:6" x14ac:dyDescent="0.25">
      <c r="A22" s="2" t="s">
        <v>36</v>
      </c>
      <c r="B22" s="4" t="s">
        <v>383</v>
      </c>
      <c r="C22" s="7">
        <v>3192236550.5</v>
      </c>
      <c r="D22" s="7">
        <v>3419499897.7399998</v>
      </c>
      <c r="E22" s="7">
        <v>-227263347.24000001</v>
      </c>
      <c r="F22" s="7">
        <v>-2200538952.6999998</v>
      </c>
    </row>
    <row r="23" spans="1:6" x14ac:dyDescent="0.25">
      <c r="A23" s="2" t="s">
        <v>38</v>
      </c>
      <c r="B23" s="4" t="s">
        <v>384</v>
      </c>
      <c r="C23" s="7">
        <v>3195543076.6799998</v>
      </c>
      <c r="D23" s="7">
        <v>3414851182.9000001</v>
      </c>
      <c r="E23" s="7">
        <v>-219308106.22</v>
      </c>
      <c r="F23" s="7">
        <v>-2419847058.9299998</v>
      </c>
    </row>
    <row r="24" spans="1:6" x14ac:dyDescent="0.25">
      <c r="A24" s="2" t="s">
        <v>40</v>
      </c>
      <c r="B24" s="4" t="s">
        <v>385</v>
      </c>
      <c r="C24" s="7">
        <v>3192635743.1500001</v>
      </c>
      <c r="D24" s="7">
        <v>3399508315.9400001</v>
      </c>
      <c r="E24" s="7">
        <v>-206872572.78999999</v>
      </c>
      <c r="F24" s="7">
        <v>-2626719631.7199998</v>
      </c>
    </row>
    <row r="25" spans="1:6" x14ac:dyDescent="0.25">
      <c r="A25" s="2" t="s">
        <v>42</v>
      </c>
      <c r="B25" s="4" t="s">
        <v>386</v>
      </c>
      <c r="C25" s="7">
        <v>3179505276.3000002</v>
      </c>
      <c r="D25" s="7">
        <v>3366450249.5500002</v>
      </c>
      <c r="E25" s="7">
        <v>-186944973.25999999</v>
      </c>
      <c r="F25" s="7">
        <v>-2813664604.9699998</v>
      </c>
    </row>
    <row r="26" spans="1:6" x14ac:dyDescent="0.25">
      <c r="A26" s="2" t="s">
        <v>44</v>
      </c>
      <c r="B26" s="4" t="s">
        <v>387</v>
      </c>
      <c r="C26" s="7">
        <v>3171455237.98</v>
      </c>
      <c r="D26" s="7">
        <v>3343123788.6599998</v>
      </c>
      <c r="E26" s="7">
        <v>-171668550.69</v>
      </c>
      <c r="F26" s="7">
        <v>-2985333155.6599998</v>
      </c>
    </row>
    <row r="27" spans="1:6" x14ac:dyDescent="0.25">
      <c r="A27" s="2" t="s">
        <v>46</v>
      </c>
      <c r="B27" s="4" t="s">
        <v>388</v>
      </c>
      <c r="C27" s="7">
        <v>3159155580.6599998</v>
      </c>
      <c r="D27" s="7">
        <v>3312507807.0599999</v>
      </c>
      <c r="E27" s="7">
        <v>-153352226.38999999</v>
      </c>
      <c r="F27" s="7">
        <v>-3138685382.0500002</v>
      </c>
    </row>
    <row r="28" spans="1:6" x14ac:dyDescent="0.25">
      <c r="A28" s="2" t="s">
        <v>48</v>
      </c>
      <c r="B28" s="4" t="s">
        <v>389</v>
      </c>
      <c r="C28" s="7">
        <v>3140695016.4899998</v>
      </c>
      <c r="D28" s="7">
        <v>3271478732.3099999</v>
      </c>
      <c r="E28" s="7">
        <v>-130783715.81999999</v>
      </c>
      <c r="F28" s="7">
        <v>-3269469097.8699999</v>
      </c>
    </row>
    <row r="29" spans="1:6" x14ac:dyDescent="0.25">
      <c r="A29" s="2" t="s">
        <v>50</v>
      </c>
      <c r="B29" s="4" t="s">
        <v>390</v>
      </c>
      <c r="C29" s="7">
        <v>3122682254.8000002</v>
      </c>
      <c r="D29" s="7">
        <v>3232086559.5500002</v>
      </c>
      <c r="E29" s="7">
        <v>-109404304.75</v>
      </c>
      <c r="F29" s="7">
        <v>-3378873402.6199999</v>
      </c>
    </row>
    <row r="30" spans="1:6" x14ac:dyDescent="0.25">
      <c r="A30" s="2" t="s">
        <v>52</v>
      </c>
      <c r="B30" s="4" t="s">
        <v>391</v>
      </c>
      <c r="C30" s="7">
        <v>3102208580.4099998</v>
      </c>
      <c r="D30" s="7">
        <v>3188399613.3299999</v>
      </c>
      <c r="E30" s="7">
        <v>-86191032.920000002</v>
      </c>
      <c r="F30" s="7">
        <v>-3465064435.54</v>
      </c>
    </row>
    <row r="31" spans="1:6" x14ac:dyDescent="0.25">
      <c r="A31" s="2" t="s">
        <v>54</v>
      </c>
      <c r="B31" s="4" t="s">
        <v>392</v>
      </c>
      <c r="C31" s="7">
        <v>3080140375.9099998</v>
      </c>
      <c r="D31" s="7">
        <v>3142391439.8000002</v>
      </c>
      <c r="E31" s="7">
        <v>-62251063.890000001</v>
      </c>
      <c r="F31" s="7">
        <v>-3527315499.4299998</v>
      </c>
    </row>
    <row r="32" spans="1:6" x14ac:dyDescent="0.25">
      <c r="A32" s="2" t="s">
        <v>56</v>
      </c>
      <c r="B32" s="4" t="s">
        <v>393</v>
      </c>
      <c r="C32" s="7">
        <v>3060511093.75</v>
      </c>
      <c r="D32" s="7">
        <v>3102084094.98</v>
      </c>
      <c r="E32" s="7">
        <v>-41573001.240000002</v>
      </c>
      <c r="F32" s="7">
        <v>-3568888500.6700001</v>
      </c>
    </row>
    <row r="33" spans="1:6" x14ac:dyDescent="0.25">
      <c r="A33" s="2" t="s">
        <v>58</v>
      </c>
      <c r="B33" s="4" t="s">
        <v>394</v>
      </c>
      <c r="C33" s="7">
        <v>3043325146.3899999</v>
      </c>
      <c r="D33" s="7">
        <v>3065782648.1999998</v>
      </c>
      <c r="E33" s="7">
        <v>-22457501.809999999</v>
      </c>
      <c r="F33" s="7">
        <v>-3591346002.48</v>
      </c>
    </row>
    <row r="34" spans="1:6" x14ac:dyDescent="0.25">
      <c r="A34" s="2" t="s">
        <v>60</v>
      </c>
      <c r="B34" s="4" t="s">
        <v>395</v>
      </c>
      <c r="C34" s="7">
        <v>3023596887.8499999</v>
      </c>
      <c r="D34" s="7">
        <v>3026901566.4499998</v>
      </c>
      <c r="E34" s="7">
        <v>-3304678.6</v>
      </c>
      <c r="F34" s="7">
        <v>-3594650681.0799999</v>
      </c>
    </row>
    <row r="35" spans="1:6" x14ac:dyDescent="0.25">
      <c r="A35" s="2" t="s">
        <v>62</v>
      </c>
      <c r="B35" s="4" t="s">
        <v>396</v>
      </c>
      <c r="C35" s="7">
        <v>3003621838.3899999</v>
      </c>
      <c r="D35" s="7">
        <v>2987912321.4899998</v>
      </c>
      <c r="E35" s="7">
        <v>15709516.91</v>
      </c>
      <c r="F35" s="7">
        <v>-3578941164.1700001</v>
      </c>
    </row>
    <row r="36" spans="1:6" x14ac:dyDescent="0.25">
      <c r="A36" s="2" t="s">
        <v>64</v>
      </c>
      <c r="B36" s="4" t="s">
        <v>397</v>
      </c>
      <c r="C36" s="7">
        <v>2982152836.23</v>
      </c>
      <c r="D36" s="7">
        <v>2946341367.8600001</v>
      </c>
      <c r="E36" s="7">
        <v>35811468.369999997</v>
      </c>
      <c r="F36" s="7">
        <v>-3543129695.8000002</v>
      </c>
    </row>
    <row r="37" spans="1:6" x14ac:dyDescent="0.25">
      <c r="A37" s="2" t="s">
        <v>66</v>
      </c>
      <c r="B37" s="4" t="s">
        <v>398</v>
      </c>
      <c r="C37" s="7">
        <v>2961920186.98</v>
      </c>
      <c r="D37" s="7">
        <v>2907207720.5100002</v>
      </c>
      <c r="E37" s="7">
        <v>54712466.479999997</v>
      </c>
      <c r="F37" s="7">
        <v>-3488417229.3299999</v>
      </c>
    </row>
    <row r="38" spans="1:6" x14ac:dyDescent="0.25">
      <c r="A38" s="2" t="s">
        <v>68</v>
      </c>
      <c r="B38" s="4" t="s">
        <v>399</v>
      </c>
      <c r="C38" s="7">
        <v>2941332421.3099999</v>
      </c>
      <c r="D38" s="7">
        <v>2869226844.7600002</v>
      </c>
      <c r="E38" s="7">
        <v>72105576.549999997</v>
      </c>
      <c r="F38" s="7">
        <v>-3416311652.7800002</v>
      </c>
    </row>
    <row r="39" spans="1:6" x14ac:dyDescent="0.25">
      <c r="A39" s="2" t="s">
        <v>70</v>
      </c>
      <c r="B39" s="4" t="s">
        <v>400</v>
      </c>
      <c r="C39" s="7">
        <v>2912991566.6599998</v>
      </c>
      <c r="D39" s="7">
        <v>2817133658.6900001</v>
      </c>
      <c r="E39" s="7">
        <v>95857907.969999999</v>
      </c>
      <c r="F39" s="7">
        <v>-3320453744.8099999</v>
      </c>
    </row>
    <row r="40" spans="1:6" x14ac:dyDescent="0.25">
      <c r="A40" s="2" t="s">
        <v>72</v>
      </c>
      <c r="B40" s="4" t="s">
        <v>401</v>
      </c>
      <c r="C40" s="7">
        <v>2878571941.3400002</v>
      </c>
      <c r="D40" s="7">
        <v>2754329412.2199998</v>
      </c>
      <c r="E40" s="7">
        <v>124242529.13</v>
      </c>
      <c r="F40" s="7">
        <v>-3196211215.6799998</v>
      </c>
    </row>
    <row r="41" spans="1:6" x14ac:dyDescent="0.25">
      <c r="A41" s="2" t="s">
        <v>74</v>
      </c>
      <c r="B41" s="4" t="s">
        <v>402</v>
      </c>
      <c r="C41" s="7">
        <v>2842313556.3699999</v>
      </c>
      <c r="D41" s="7">
        <v>2688181336.7600002</v>
      </c>
      <c r="E41" s="7">
        <v>154132219.61000001</v>
      </c>
      <c r="F41" s="7">
        <v>-3042078996.0599999</v>
      </c>
    </row>
    <row r="42" spans="1:6" x14ac:dyDescent="0.25">
      <c r="A42" s="2" t="s">
        <v>76</v>
      </c>
      <c r="B42" s="4" t="s">
        <v>403</v>
      </c>
      <c r="C42" s="7">
        <v>2805954095.6199999</v>
      </c>
      <c r="D42" s="7">
        <v>2621927759.96</v>
      </c>
      <c r="E42" s="7">
        <v>184026335.66</v>
      </c>
      <c r="F42" s="7">
        <v>-2858052660.4099998</v>
      </c>
    </row>
    <row r="43" spans="1:6" x14ac:dyDescent="0.25">
      <c r="A43" s="2" t="s">
        <v>78</v>
      </c>
      <c r="B43" s="4" t="s">
        <v>404</v>
      </c>
      <c r="C43" s="7">
        <v>2768031849.5</v>
      </c>
      <c r="D43" s="7">
        <v>2552802630.5500002</v>
      </c>
      <c r="E43" s="7">
        <v>215229218.94999999</v>
      </c>
      <c r="F43" s="7">
        <v>-2642823441.4499998</v>
      </c>
    </row>
    <row r="44" spans="1:6" x14ac:dyDescent="0.25">
      <c r="A44" s="2" t="s">
        <v>80</v>
      </c>
      <c r="B44" s="4" t="s">
        <v>405</v>
      </c>
      <c r="C44" s="7">
        <v>2731277730.9400001</v>
      </c>
      <c r="D44" s="7">
        <v>2485983277.0799999</v>
      </c>
      <c r="E44" s="7">
        <v>245294453.86000001</v>
      </c>
      <c r="F44" s="7">
        <v>-2397528987.5999999</v>
      </c>
    </row>
    <row r="45" spans="1:6" x14ac:dyDescent="0.25">
      <c r="A45" s="2" t="s">
        <v>82</v>
      </c>
      <c r="B45" s="4" t="s">
        <v>406</v>
      </c>
      <c r="C45" s="7">
        <v>2695346075.8400002</v>
      </c>
      <c r="D45" s="7">
        <v>2420709108.2199998</v>
      </c>
      <c r="E45" s="7">
        <v>274636967.63</v>
      </c>
      <c r="F45" s="7">
        <v>-2122892019.97</v>
      </c>
    </row>
    <row r="46" spans="1:6" x14ac:dyDescent="0.25">
      <c r="A46" s="2" t="s">
        <v>84</v>
      </c>
      <c r="B46" s="4" t="s">
        <v>407</v>
      </c>
      <c r="C46" s="7">
        <v>2655842425.0100002</v>
      </c>
      <c r="D46" s="7">
        <v>2350774053.1100001</v>
      </c>
      <c r="E46" s="7">
        <v>305068371.89999998</v>
      </c>
      <c r="F46" s="7">
        <v>-1817823648.0699999</v>
      </c>
    </row>
    <row r="47" spans="1:6" x14ac:dyDescent="0.25">
      <c r="A47" s="2" t="s">
        <v>86</v>
      </c>
      <c r="B47" s="4" t="s">
        <v>408</v>
      </c>
      <c r="C47" s="7">
        <v>2619727078.5900002</v>
      </c>
      <c r="D47" s="7">
        <v>2285878803.0100002</v>
      </c>
      <c r="E47" s="7">
        <v>333848275.57999998</v>
      </c>
      <c r="F47" s="7">
        <v>-1483975372.49</v>
      </c>
    </row>
    <row r="48" spans="1:6" x14ac:dyDescent="0.25">
      <c r="A48" s="2" t="s">
        <v>88</v>
      </c>
      <c r="B48" s="4" t="s">
        <v>409</v>
      </c>
      <c r="C48" s="7">
        <v>2585132921.5599999</v>
      </c>
      <c r="D48" s="7">
        <v>2224179833.5999999</v>
      </c>
      <c r="E48" s="7">
        <v>360953087.95999998</v>
      </c>
      <c r="F48" s="7">
        <v>-1123022284.53</v>
      </c>
    </row>
    <row r="49" spans="1:6" x14ac:dyDescent="0.25">
      <c r="A49" s="2" t="s">
        <v>90</v>
      </c>
      <c r="B49" s="4" t="s">
        <v>410</v>
      </c>
      <c r="C49" s="7">
        <v>2548461451.1199999</v>
      </c>
      <c r="D49" s="7">
        <v>2160850016.1100001</v>
      </c>
      <c r="E49" s="7">
        <v>387611435.00999999</v>
      </c>
      <c r="F49" s="7">
        <v>-735410849.52999997</v>
      </c>
    </row>
    <row r="50" spans="1:6" x14ac:dyDescent="0.25">
      <c r="A50" s="2" t="s">
        <v>92</v>
      </c>
      <c r="B50" s="4" t="s">
        <v>411</v>
      </c>
      <c r="C50" s="7">
        <v>2514375282.7199998</v>
      </c>
      <c r="D50" s="7">
        <v>2100057224.97</v>
      </c>
      <c r="E50" s="7">
        <v>414318057.75</v>
      </c>
      <c r="F50" s="7">
        <v>-321092791.77999997</v>
      </c>
    </row>
    <row r="51" spans="1:6" x14ac:dyDescent="0.25">
      <c r="A51" s="2" t="s">
        <v>94</v>
      </c>
      <c r="B51" s="4" t="s">
        <v>412</v>
      </c>
      <c r="C51" s="7">
        <v>2478995402.4499998</v>
      </c>
      <c r="D51" s="7">
        <v>2038207458.8800001</v>
      </c>
      <c r="E51" s="7">
        <v>440787943.56999999</v>
      </c>
      <c r="F51" s="7">
        <v>119695151.79000001</v>
      </c>
    </row>
    <row r="52" spans="1:6" x14ac:dyDescent="0.25">
      <c r="A52" s="2" t="s">
        <v>96</v>
      </c>
      <c r="B52" s="4" t="s">
        <v>413</v>
      </c>
      <c r="C52" s="7">
        <v>2453200116.6399999</v>
      </c>
      <c r="D52" s="7">
        <v>1982002209.29</v>
      </c>
      <c r="E52" s="7">
        <v>471197907.35000002</v>
      </c>
      <c r="F52" s="7">
        <v>590893059.13999999</v>
      </c>
    </row>
    <row r="53" spans="1:6" x14ac:dyDescent="0.25">
      <c r="A53" s="2" t="s">
        <v>98</v>
      </c>
      <c r="B53" s="4" t="s">
        <v>414</v>
      </c>
      <c r="C53" s="7">
        <v>2446750911.7199998</v>
      </c>
      <c r="D53" s="7">
        <v>1927141190.8399999</v>
      </c>
      <c r="E53" s="7">
        <v>519609720.87</v>
      </c>
      <c r="F53" s="7">
        <v>1110502780.01</v>
      </c>
    </row>
    <row r="54" spans="1:6" x14ac:dyDescent="0.25">
      <c r="A54" s="2" t="s">
        <v>100</v>
      </c>
      <c r="B54" s="4" t="s">
        <v>415</v>
      </c>
      <c r="C54" s="7">
        <v>2446941704.8200002</v>
      </c>
      <c r="D54" s="7">
        <v>1879217038.8199999</v>
      </c>
      <c r="E54" s="7">
        <v>567724666.00999999</v>
      </c>
      <c r="F54" s="7">
        <v>1678227446.02</v>
      </c>
    </row>
    <row r="55" spans="1:6" x14ac:dyDescent="0.25">
      <c r="A55" s="2" t="s">
        <v>102</v>
      </c>
      <c r="B55" s="4" t="s">
        <v>416</v>
      </c>
      <c r="C55" s="7">
        <v>2451912220</v>
      </c>
      <c r="D55" s="7">
        <v>1835395181.6800001</v>
      </c>
      <c r="E55" s="7">
        <v>616517038.33000004</v>
      </c>
      <c r="F55" s="7">
        <v>2294744484.3400002</v>
      </c>
    </row>
    <row r="56" spans="1:6" x14ac:dyDescent="0.25">
      <c r="A56" s="2" t="s">
        <v>104</v>
      </c>
      <c r="B56" s="4" t="s">
        <v>417</v>
      </c>
      <c r="C56" s="7">
        <v>2462678876.25</v>
      </c>
      <c r="D56" s="7">
        <v>1797631644.78</v>
      </c>
      <c r="E56" s="7">
        <v>665047231.47000003</v>
      </c>
      <c r="F56" s="7">
        <v>2959791715.8099999</v>
      </c>
    </row>
    <row r="57" spans="1:6" x14ac:dyDescent="0.25">
      <c r="A57" s="2" t="s">
        <v>106</v>
      </c>
      <c r="B57" s="4" t="s">
        <v>418</v>
      </c>
      <c r="C57" s="7">
        <v>2477621850.1700001</v>
      </c>
      <c r="D57" s="7">
        <v>1763014671.01</v>
      </c>
      <c r="E57" s="7">
        <v>714607179.15999997</v>
      </c>
      <c r="F57" s="7">
        <v>3674398894.9699998</v>
      </c>
    </row>
    <row r="58" spans="1:6" x14ac:dyDescent="0.25">
      <c r="A58" s="2" t="s">
        <v>108</v>
      </c>
      <c r="B58" s="4" t="s">
        <v>419</v>
      </c>
      <c r="C58" s="7">
        <v>2497612448.1100001</v>
      </c>
      <c r="D58" s="7">
        <v>1732926441.8900001</v>
      </c>
      <c r="E58" s="7">
        <v>764686006.22000003</v>
      </c>
      <c r="F58" s="7">
        <v>4439084901.1899996</v>
      </c>
    </row>
    <row r="59" spans="1:6" x14ac:dyDescent="0.25">
      <c r="A59" s="2" t="s">
        <v>110</v>
      </c>
      <c r="B59" s="4" t="s">
        <v>420</v>
      </c>
      <c r="C59" s="7">
        <v>2520502722.8200002</v>
      </c>
      <c r="D59" s="7">
        <v>1703593914.0999999</v>
      </c>
      <c r="E59" s="7">
        <v>816908808.72000003</v>
      </c>
      <c r="F59" s="7">
        <v>5255993709.9099998</v>
      </c>
    </row>
    <row r="60" spans="1:6" x14ac:dyDescent="0.25">
      <c r="A60" s="2" t="s">
        <v>112</v>
      </c>
      <c r="B60" s="4" t="s">
        <v>421</v>
      </c>
      <c r="C60" s="7">
        <v>2548946146.8800001</v>
      </c>
      <c r="D60" s="7">
        <v>1678930863.4200001</v>
      </c>
      <c r="E60" s="7">
        <v>870015283.46000004</v>
      </c>
      <c r="F60" s="7">
        <v>6126008993.3699999</v>
      </c>
    </row>
    <row r="61" spans="1:6" x14ac:dyDescent="0.25">
      <c r="A61" s="2" t="s">
        <v>114</v>
      </c>
      <c r="B61" s="4" t="s">
        <v>422</v>
      </c>
      <c r="C61" s="7">
        <v>2580608856.25</v>
      </c>
      <c r="D61" s="7">
        <v>1654953463.23</v>
      </c>
      <c r="E61" s="7">
        <v>925655393.01999998</v>
      </c>
      <c r="F61" s="7">
        <v>7051664386.3900003</v>
      </c>
    </row>
    <row r="62" spans="1:6" x14ac:dyDescent="0.25">
      <c r="A62" s="2" t="s">
        <v>116</v>
      </c>
      <c r="B62" s="4" t="s">
        <v>423</v>
      </c>
      <c r="C62" s="7">
        <v>2617009155.6900001</v>
      </c>
      <c r="D62" s="7">
        <v>1634334911.1700001</v>
      </c>
      <c r="E62" s="7">
        <v>982674244.51999998</v>
      </c>
      <c r="F62" s="7">
        <v>8034338630.9099998</v>
      </c>
    </row>
    <row r="63" spans="1:6" x14ac:dyDescent="0.25">
      <c r="A63" s="2" t="s">
        <v>118</v>
      </c>
      <c r="B63" s="4" t="s">
        <v>424</v>
      </c>
      <c r="C63" s="7">
        <v>2659923903.5799999</v>
      </c>
      <c r="D63" s="7">
        <v>1618214572.2</v>
      </c>
      <c r="E63" s="7">
        <v>1041709331.37</v>
      </c>
      <c r="F63" s="7">
        <v>9076047962.2900009</v>
      </c>
    </row>
    <row r="64" spans="1:6" x14ac:dyDescent="0.25">
      <c r="A64" s="2" t="s">
        <v>119</v>
      </c>
      <c r="B64" s="4" t="s">
        <v>425</v>
      </c>
      <c r="C64" s="7">
        <v>2706745251.0500002</v>
      </c>
      <c r="D64" s="7">
        <v>1604722550.3099999</v>
      </c>
      <c r="E64" s="7">
        <v>1102022700.74</v>
      </c>
      <c r="F64" s="7">
        <v>10178070663.030001</v>
      </c>
    </row>
    <row r="65" spans="1:6" x14ac:dyDescent="0.25">
      <c r="A65" s="2" t="s">
        <v>120</v>
      </c>
      <c r="B65" s="4" t="s">
        <v>426</v>
      </c>
      <c r="C65" s="7">
        <v>2758734602.04</v>
      </c>
      <c r="D65" s="7">
        <v>1593560255.3499999</v>
      </c>
      <c r="E65" s="7">
        <v>1165174346.6900001</v>
      </c>
      <c r="F65" s="7">
        <v>11343245009.709999</v>
      </c>
    </row>
    <row r="66" spans="1:6" x14ac:dyDescent="0.25">
      <c r="A66" s="2" t="s">
        <v>121</v>
      </c>
      <c r="B66" s="4" t="s">
        <v>427</v>
      </c>
      <c r="C66" s="7">
        <v>2814547686.9400001</v>
      </c>
      <c r="D66" s="7">
        <v>1584024593.5</v>
      </c>
      <c r="E66" s="7">
        <v>1230523093.4400001</v>
      </c>
      <c r="F66" s="7">
        <v>12573768103.15</v>
      </c>
    </row>
    <row r="67" spans="1:6" x14ac:dyDescent="0.25">
      <c r="A67" s="2" t="s">
        <v>122</v>
      </c>
      <c r="B67" s="4" t="s">
        <v>428</v>
      </c>
      <c r="C67" s="7">
        <v>2874563382.8299999</v>
      </c>
      <c r="D67" s="7">
        <v>1574827987.3599999</v>
      </c>
      <c r="E67" s="7">
        <v>1299735395.47</v>
      </c>
      <c r="F67" s="7">
        <v>13873503498.620001</v>
      </c>
    </row>
    <row r="68" spans="1:6" x14ac:dyDescent="0.25">
      <c r="A68" s="2" t="s">
        <v>123</v>
      </c>
      <c r="B68" s="4" t="s">
        <v>429</v>
      </c>
      <c r="C68" s="7">
        <v>2940969223.2199998</v>
      </c>
      <c r="D68" s="7">
        <v>1570247895.3</v>
      </c>
      <c r="E68" s="7">
        <v>1370721327.9200001</v>
      </c>
      <c r="F68" s="7">
        <v>15244224826.540001</v>
      </c>
    </row>
    <row r="69" spans="1:6" x14ac:dyDescent="0.25">
      <c r="A69" s="2" t="s">
        <v>124</v>
      </c>
      <c r="B69" s="4" t="s">
        <v>430</v>
      </c>
      <c r="C69" s="7">
        <v>3006902955.0300002</v>
      </c>
      <c r="D69" s="7">
        <v>1559277636.75</v>
      </c>
      <c r="E69" s="7">
        <v>1447625318.27</v>
      </c>
      <c r="F69" s="7">
        <v>16691850144.82</v>
      </c>
    </row>
    <row r="70" spans="1:6" x14ac:dyDescent="0.25">
      <c r="A70" s="2" t="s">
        <v>125</v>
      </c>
      <c r="B70" s="4" t="s">
        <v>431</v>
      </c>
      <c r="C70" s="7">
        <v>3082200218.5599999</v>
      </c>
      <c r="D70" s="7">
        <v>1555211191.5899999</v>
      </c>
      <c r="E70" s="7">
        <v>1526989026.98</v>
      </c>
      <c r="F70" s="7">
        <v>18218839171.790001</v>
      </c>
    </row>
    <row r="71" spans="1:6" x14ac:dyDescent="0.25">
      <c r="A71" s="2" t="s">
        <v>126</v>
      </c>
      <c r="B71" s="4" t="s">
        <v>432</v>
      </c>
      <c r="C71" s="7">
        <v>3159919724.6300001</v>
      </c>
      <c r="D71" s="7">
        <v>1549119941.0899999</v>
      </c>
      <c r="E71" s="7">
        <v>1610799783.54</v>
      </c>
      <c r="F71" s="7">
        <v>19829638955.330002</v>
      </c>
    </row>
    <row r="72" spans="1:6" x14ac:dyDescent="0.25">
      <c r="A72" s="2" t="s">
        <v>128</v>
      </c>
      <c r="B72" s="4" t="s">
        <v>433</v>
      </c>
      <c r="C72" s="7">
        <v>3232753494.23</v>
      </c>
      <c r="D72" s="7">
        <v>1529410527.51</v>
      </c>
      <c r="E72" s="7">
        <v>1703342966.72</v>
      </c>
      <c r="F72" s="7">
        <v>21532981922.049999</v>
      </c>
    </row>
    <row r="73" spans="1:6" x14ac:dyDescent="0.25">
      <c r="A73" s="2" t="s">
        <v>130</v>
      </c>
      <c r="B73" s="4" t="s">
        <v>434</v>
      </c>
      <c r="C73" s="7">
        <v>2972429806.96</v>
      </c>
      <c r="D73" s="7">
        <v>1523356875.5999999</v>
      </c>
      <c r="E73" s="7">
        <v>1449072931.3499999</v>
      </c>
      <c r="F73" s="7">
        <v>22982054853.400002</v>
      </c>
    </row>
    <row r="74" spans="1:6" x14ac:dyDescent="0.25">
      <c r="A74" s="2" t="s">
        <v>132</v>
      </c>
      <c r="B74" s="4" t="s">
        <v>435</v>
      </c>
      <c r="C74" s="7">
        <v>3048785396.3699999</v>
      </c>
      <c r="D74" s="7">
        <v>1521752939.73</v>
      </c>
      <c r="E74" s="7">
        <v>1527032456.6400001</v>
      </c>
      <c r="F74" s="7">
        <v>24509087310.040001</v>
      </c>
    </row>
    <row r="75" spans="1:6" x14ac:dyDescent="0.25">
      <c r="A75" s="2" t="s">
        <v>134</v>
      </c>
      <c r="B75" s="4" t="s">
        <v>436</v>
      </c>
      <c r="C75" s="7">
        <v>3127677062.1100001</v>
      </c>
      <c r="D75" s="7">
        <v>1515660814.2</v>
      </c>
      <c r="E75" s="7">
        <v>1612016247.9100001</v>
      </c>
      <c r="F75" s="7">
        <v>26121103557.950001</v>
      </c>
    </row>
    <row r="76" spans="1:6" x14ac:dyDescent="0.25">
      <c r="A76" s="2" t="s">
        <v>136</v>
      </c>
      <c r="B76" s="4" t="s">
        <v>437</v>
      </c>
      <c r="C76" s="7">
        <v>3212735268.5999999</v>
      </c>
      <c r="D76" s="7">
        <v>1513024086.24</v>
      </c>
      <c r="E76" s="7">
        <v>1699711182.3499999</v>
      </c>
      <c r="F76" s="7">
        <v>27820814740.299999</v>
      </c>
    </row>
    <row r="77" spans="1:6" x14ac:dyDescent="0.25">
      <c r="A77" s="2" t="s">
        <v>138</v>
      </c>
      <c r="B77" s="4" t="s">
        <v>438</v>
      </c>
      <c r="C77" s="7">
        <v>3301189762.2199998</v>
      </c>
      <c r="D77" s="7">
        <v>1507424688.1600001</v>
      </c>
      <c r="E77" s="7">
        <v>1793765074.0599999</v>
      </c>
      <c r="F77" s="7">
        <v>29614579814.360001</v>
      </c>
    </row>
    <row r="78" spans="1:6" x14ac:dyDescent="0.25">
      <c r="A78" s="2" t="s">
        <v>140</v>
      </c>
      <c r="B78" s="4" t="s">
        <v>439</v>
      </c>
      <c r="C78" s="7">
        <v>3394231954.6900001</v>
      </c>
      <c r="D78" s="7">
        <v>1501837738.5999999</v>
      </c>
      <c r="E78" s="7">
        <v>1892394216.0899999</v>
      </c>
      <c r="F78" s="7">
        <v>31506974030.450001</v>
      </c>
    </row>
    <row r="79" spans="1:6" x14ac:dyDescent="0.25">
      <c r="A79" s="2" t="s">
        <v>142</v>
      </c>
      <c r="B79" s="4" t="s">
        <v>440</v>
      </c>
      <c r="C79" s="7">
        <v>3492452823.0500002</v>
      </c>
      <c r="D79" s="7">
        <v>1493856296.0599999</v>
      </c>
      <c r="E79" s="7">
        <v>1998596527</v>
      </c>
      <c r="F79" s="7">
        <v>33505570557.450001</v>
      </c>
    </row>
    <row r="80" spans="1:6" x14ac:dyDescent="0.25">
      <c r="A80" s="2" t="s">
        <v>144</v>
      </c>
      <c r="B80" s="4" t="s">
        <v>441</v>
      </c>
      <c r="C80" s="7">
        <v>3596624948.0900002</v>
      </c>
      <c r="D80" s="7">
        <v>1487073475.4300001</v>
      </c>
      <c r="E80" s="7">
        <v>2109551472.6600001</v>
      </c>
      <c r="F80" s="7">
        <v>35615122030.110001</v>
      </c>
    </row>
    <row r="81" spans="1:6" x14ac:dyDescent="0.25">
      <c r="A81" s="2" t="s">
        <v>146</v>
      </c>
      <c r="B81" s="4" t="s">
        <v>442</v>
      </c>
      <c r="C81" s="7">
        <v>3705937961.6799998</v>
      </c>
      <c r="D81" s="7">
        <v>1477222164.52</v>
      </c>
      <c r="E81" s="7">
        <v>2228715797.1599998</v>
      </c>
      <c r="F81" s="7">
        <v>37843837827.260002</v>
      </c>
    </row>
    <row r="82" spans="1:6" x14ac:dyDescent="0.25">
      <c r="A82" s="2" t="s">
        <v>148</v>
      </c>
      <c r="B82" s="4" t="s">
        <v>443</v>
      </c>
      <c r="C82" s="7">
        <v>3821537698.5999999</v>
      </c>
      <c r="D82" s="7">
        <v>1467998034.9000001</v>
      </c>
      <c r="E82" s="7">
        <v>2353539663.6999998</v>
      </c>
      <c r="F82" s="7">
        <v>40197377490.970001</v>
      </c>
    </row>
    <row r="83" spans="1:6" x14ac:dyDescent="0.25">
      <c r="A83" s="2" t="s">
        <v>150</v>
      </c>
      <c r="B83" s="4" t="s">
        <v>444</v>
      </c>
      <c r="C83" s="7">
        <v>3942832018.2800002</v>
      </c>
      <c r="D83" s="7">
        <v>1455340701.51</v>
      </c>
      <c r="E83" s="7">
        <v>2487491316.77</v>
      </c>
      <c r="F83" s="7">
        <v>42684868807.739998</v>
      </c>
    </row>
    <row r="84" spans="1:6" x14ac:dyDescent="0.25">
      <c r="A84" s="2" t="s">
        <v>151</v>
      </c>
      <c r="B84" s="4" t="s">
        <v>445</v>
      </c>
      <c r="C84" s="7">
        <v>4070776708.0700002</v>
      </c>
      <c r="D84" s="7">
        <v>1441324673.74</v>
      </c>
      <c r="E84" s="7">
        <v>2629452034.3200002</v>
      </c>
      <c r="F84" s="7">
        <v>45314320842.059998</v>
      </c>
    </row>
    <row r="85" spans="1:6" x14ac:dyDescent="0.25">
      <c r="A85" s="2" t="s">
        <v>152</v>
      </c>
      <c r="B85" s="4" t="s">
        <v>446</v>
      </c>
      <c r="C85" s="7">
        <v>4207250042.1100001</v>
      </c>
      <c r="D85" s="7">
        <v>1427468627.04</v>
      </c>
      <c r="E85" s="7">
        <v>2779781415.0700002</v>
      </c>
      <c r="F85" s="7">
        <v>48094102257.129997</v>
      </c>
    </row>
    <row r="86" spans="1:6" x14ac:dyDescent="0.25">
      <c r="A86" s="2" t="s">
        <v>154</v>
      </c>
      <c r="B86" s="4" t="s">
        <v>447</v>
      </c>
      <c r="C86" s="7">
        <v>4350686732.3500004</v>
      </c>
      <c r="D86" s="7">
        <v>1413351662.1600001</v>
      </c>
      <c r="E86" s="7">
        <v>2937335070.1900001</v>
      </c>
      <c r="F86" s="7">
        <v>51031437327.32</v>
      </c>
    </row>
    <row r="87" spans="1:6" x14ac:dyDescent="0.25">
      <c r="A87" s="2" t="s">
        <v>156</v>
      </c>
      <c r="B87" s="4" t="s">
        <v>448</v>
      </c>
      <c r="C87" s="7">
        <v>4502550294.46</v>
      </c>
      <c r="D87" s="7">
        <v>1396554167.9100001</v>
      </c>
      <c r="E87" s="7">
        <v>3105996126.5500002</v>
      </c>
      <c r="F87" s="7">
        <v>54137433453.870003</v>
      </c>
    </row>
  </sheetData>
  <mergeCells count="12">
    <mergeCell ref="A3:F3"/>
    <mergeCell ref="A4:F4"/>
    <mergeCell ref="A5:F5"/>
    <mergeCell ref="A6:F6"/>
    <mergeCell ref="A7:F7"/>
    <mergeCell ref="A9:F9"/>
    <mergeCell ref="A10:A11"/>
    <mergeCell ref="B10:B11"/>
    <mergeCell ref="C10:C11"/>
    <mergeCell ref="D10:D11"/>
    <mergeCell ref="E10:E11"/>
    <mergeCell ref="F10:F11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3</vt:i4>
      </vt:variant>
    </vt:vector>
  </HeadingPairs>
  <TitlesOfParts>
    <vt:vector size="13" baseType="lpstr">
      <vt:lpstr>Anexo - Anexo 1 - RREO</vt:lpstr>
      <vt:lpstr>Anexo - Anexo 2 - RREO</vt:lpstr>
      <vt:lpstr>Anexo - Anexo 3 - RREO</vt:lpstr>
      <vt:lpstr>Anexo - Anexo 4 - RREO</vt:lpstr>
      <vt:lpstr>Anexo - Anexo 6 - RREO</vt:lpstr>
      <vt:lpstr>Anexo - Anexo 7 - RREO</vt:lpstr>
      <vt:lpstr>Anexo - Anexo 8 - RREO</vt:lpstr>
      <vt:lpstr>Anexo - Anexo 9 - RREO</vt:lpstr>
      <vt:lpstr>Anexo - Anexo 10 - RREO</vt:lpstr>
      <vt:lpstr>Anexo - Anexo 11 - RREO</vt:lpstr>
      <vt:lpstr>Anexo - Anexo 12 - RREO</vt:lpstr>
      <vt:lpstr>Anexo - Anexo 13 - RREO</vt:lpstr>
      <vt:lpstr>Anexo - Anexo 14 - RREO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1-01-27T16:09:32Z</dcterms:created>
  <dcterms:modified xsi:type="dcterms:W3CDTF">2021-01-27T16:28:29Z</dcterms:modified>
</cp:coreProperties>
</file>